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Y:\◎管財契約係\契約関係\MSCへ\公告\令和2年度\0928\"/>
    </mc:Choice>
  </mc:AlternateContent>
  <bookViews>
    <workbookView xWindow="-105" yWindow="-105" windowWidth="23250" windowHeight="13170" tabRatio="745"/>
  </bookViews>
  <sheets>
    <sheet name="設計書表紙" sheetId="36" r:id="rId1"/>
    <sheet name="工事費内訳書" sheetId="3" r:id="rId2"/>
    <sheet name="内訳書" sheetId="45" r:id="rId3"/>
    <sheet name="A号 水沢明細書" sheetId="5" r:id="rId4"/>
    <sheet name="B号 水沢谷町明細書" sheetId="39" r:id="rId5"/>
    <sheet name="C号 高岡明細書" sheetId="49" r:id="rId6"/>
    <sheet name="D号 笹川団地明細書" sheetId="43" r:id="rId7"/>
    <sheet name="E号 羽津山明細書" sheetId="44" r:id="rId8"/>
    <sheet name="F号 水源管理センター明細書" sheetId="48" r:id="rId9"/>
    <sheet name="施工条件明示一覧表" sheetId="41" r:id="rId10"/>
  </sheets>
  <externalReferences>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 r:id="rId126"/>
    <externalReference r:id="rId127"/>
  </externalReferences>
  <definedNames>
    <definedName name="_" localSheetId="4">#REF!</definedName>
    <definedName name="_" localSheetId="5">#REF!</definedName>
    <definedName name="_" localSheetId="6">#REF!</definedName>
    <definedName name="_" localSheetId="7">#REF!</definedName>
    <definedName name="_" localSheetId="8">#REF!</definedName>
    <definedName name="_" localSheetId="9">#REF!</definedName>
    <definedName name="_" localSheetId="2">#REF!</definedName>
    <definedName name="_">#REF!</definedName>
    <definedName name="______________d2" localSheetId="4">[1]!ピクチャ5_Click</definedName>
    <definedName name="______________d2" localSheetId="5">[1]!ピクチャ5_Click</definedName>
    <definedName name="______________d2" localSheetId="6">[1]!ピクチャ5_Click</definedName>
    <definedName name="______________d2" localSheetId="7">[1]!ピクチャ5_Click</definedName>
    <definedName name="______________d2" localSheetId="8">[1]!ピクチャ5_Click</definedName>
    <definedName name="______________d2" localSheetId="2">[1]!ピクチャ5_Click</definedName>
    <definedName name="______________d2">[1]!ピクチャ5_Click</definedName>
    <definedName name="_____________d2" localSheetId="4">[2]!ピクチャ5_Click</definedName>
    <definedName name="_____________d2" localSheetId="5">[2]!ピクチャ5_Click</definedName>
    <definedName name="_____________d2" localSheetId="6">[2]!ピクチャ5_Click</definedName>
    <definedName name="_____________d2" localSheetId="7">[2]!ピクチャ5_Click</definedName>
    <definedName name="_____________d2" localSheetId="8">[2]!ピクチャ5_Click</definedName>
    <definedName name="_____________d2" localSheetId="9">[3]!ピクチャ5_Click</definedName>
    <definedName name="_____________d2" localSheetId="2">[2]!ピクチャ5_Click</definedName>
    <definedName name="_____________d2">[2]!ピクチャ5_Click</definedName>
    <definedName name="____________d2" localSheetId="4">[1]!ピクチャ5_Click</definedName>
    <definedName name="____________d2" localSheetId="5">[1]!ピクチャ5_Click</definedName>
    <definedName name="____________d2" localSheetId="6">[1]!ピクチャ5_Click</definedName>
    <definedName name="____________d2" localSheetId="7">[1]!ピクチャ5_Click</definedName>
    <definedName name="____________d2" localSheetId="8">[1]!ピクチャ5_Click</definedName>
    <definedName name="____________d2" localSheetId="2">[1]!ピクチャ5_Click</definedName>
    <definedName name="____________d2">[1]!ピクチャ5_Click</definedName>
    <definedName name="___________d2" localSheetId="4">[1]!ピクチャ5_Click</definedName>
    <definedName name="___________d2" localSheetId="5">[1]!ピクチャ5_Click</definedName>
    <definedName name="___________d2" localSheetId="6">[1]!ピクチャ5_Click</definedName>
    <definedName name="___________d2" localSheetId="7">[1]!ピクチャ5_Click</definedName>
    <definedName name="___________d2" localSheetId="8">[1]!ピクチャ5_Click</definedName>
    <definedName name="___________d2" localSheetId="2">[1]!ピクチャ5_Click</definedName>
    <definedName name="___________d2">[1]!ピクチャ5_Click</definedName>
    <definedName name="__________d2" localSheetId="4">[1]!ピクチャ5_Click</definedName>
    <definedName name="__________d2" localSheetId="5">[1]!ピクチャ5_Click</definedName>
    <definedName name="__________d2" localSheetId="6">[1]!ピクチャ5_Click</definedName>
    <definedName name="__________d2" localSheetId="7">[1]!ピクチャ5_Click</definedName>
    <definedName name="__________d2" localSheetId="8">[1]!ピクチャ5_Click</definedName>
    <definedName name="__________d2" localSheetId="2">[1]!ピクチャ5_Click</definedName>
    <definedName name="__________d2">[1]!ピクチャ5_Click</definedName>
    <definedName name="_________d2" localSheetId="4">[1]!ピクチャ5_Click</definedName>
    <definedName name="_________d2" localSheetId="5">[1]!ピクチャ5_Click</definedName>
    <definedName name="_________d2" localSheetId="6">[1]!ピクチャ5_Click</definedName>
    <definedName name="_________d2" localSheetId="7">[1]!ピクチャ5_Click</definedName>
    <definedName name="_________d2" localSheetId="8">[1]!ピクチャ5_Click</definedName>
    <definedName name="_________d2" localSheetId="2">[1]!ピクチャ5_Click</definedName>
    <definedName name="_________d2">[1]!ピクチャ5_Click</definedName>
    <definedName name="________d2" localSheetId="4">[1]!ピクチャ5_Click</definedName>
    <definedName name="________d2" localSheetId="5">[1]!ピクチャ5_Click</definedName>
    <definedName name="________d2" localSheetId="6">[1]!ピクチャ5_Click</definedName>
    <definedName name="________d2" localSheetId="7">[1]!ピクチャ5_Click</definedName>
    <definedName name="________d2" localSheetId="8">[1]!ピクチャ5_Click</definedName>
    <definedName name="________d2" localSheetId="2">[1]!ピクチャ5_Click</definedName>
    <definedName name="________d2">[1]!ピクチャ5_Click</definedName>
    <definedName name="_______d2" localSheetId="4">[1]!ピクチャ5_Click</definedName>
    <definedName name="_______d2" localSheetId="5">[1]!ピクチャ5_Click</definedName>
    <definedName name="_______d2" localSheetId="6">[1]!ピクチャ5_Click</definedName>
    <definedName name="_______d2" localSheetId="7">[1]!ピクチャ5_Click</definedName>
    <definedName name="_______d2" localSheetId="8">[1]!ピクチャ5_Click</definedName>
    <definedName name="_______d2" localSheetId="2">[1]!ピクチャ5_Click</definedName>
    <definedName name="_______d2">[1]!ピクチャ5_Click</definedName>
    <definedName name="_______RE2" localSheetId="4">#REF!</definedName>
    <definedName name="_______RE2" localSheetId="5">#REF!</definedName>
    <definedName name="_______RE2" localSheetId="6">#REF!</definedName>
    <definedName name="_______RE2" localSheetId="7">#REF!</definedName>
    <definedName name="_______RE2" localSheetId="8">#REF!</definedName>
    <definedName name="_______RE2" localSheetId="9">#REF!</definedName>
    <definedName name="_______RE2" localSheetId="2">#REF!</definedName>
    <definedName name="_______RE2">#REF!</definedName>
    <definedName name="_______SUB2" localSheetId="4">#REF!</definedName>
    <definedName name="_______SUB2" localSheetId="5">#REF!</definedName>
    <definedName name="_______SUB2" localSheetId="6">#REF!</definedName>
    <definedName name="_______SUB2" localSheetId="7">#REF!</definedName>
    <definedName name="_______SUB2" localSheetId="8">#REF!</definedName>
    <definedName name="_______SUB2" localSheetId="2">#REF!</definedName>
    <definedName name="_______SUB2">#REF!</definedName>
    <definedName name="_______SUB3" localSheetId="4">#REF!</definedName>
    <definedName name="_______SUB3" localSheetId="5">#REF!</definedName>
    <definedName name="_______SUB3" localSheetId="6">#REF!</definedName>
    <definedName name="_______SUB3" localSheetId="7">#REF!</definedName>
    <definedName name="_______SUB3" localSheetId="8">#REF!</definedName>
    <definedName name="_______SUB3" localSheetId="2">#REF!</definedName>
    <definedName name="_______SUB3">#REF!</definedName>
    <definedName name="_______SUB4" localSheetId="4">#REF!</definedName>
    <definedName name="_______SUB4" localSheetId="5">#REF!</definedName>
    <definedName name="_______SUB4" localSheetId="6">#REF!</definedName>
    <definedName name="_______SUB4" localSheetId="7">#REF!</definedName>
    <definedName name="_______SUB4" localSheetId="8">#REF!</definedName>
    <definedName name="_______SUB4" localSheetId="2">#REF!</definedName>
    <definedName name="_______SUB4">#REF!</definedName>
    <definedName name="______d2" localSheetId="4">[1]!ピクチャ5_Click</definedName>
    <definedName name="______d2" localSheetId="5">[1]!ピクチャ5_Click</definedName>
    <definedName name="______d2" localSheetId="6">[1]!ピクチャ5_Click</definedName>
    <definedName name="______d2" localSheetId="7">[1]!ピクチャ5_Click</definedName>
    <definedName name="______d2" localSheetId="8">[1]!ピクチャ5_Click</definedName>
    <definedName name="______d2" localSheetId="2">[1]!ピクチャ5_Click</definedName>
    <definedName name="______d2">[1]!ピクチャ5_Click</definedName>
    <definedName name="______RE2" localSheetId="4">#REF!</definedName>
    <definedName name="______RE2" localSheetId="5">#REF!</definedName>
    <definedName name="______RE2" localSheetId="6">#REF!</definedName>
    <definedName name="______RE2" localSheetId="7">#REF!</definedName>
    <definedName name="______RE2" localSheetId="8">#REF!</definedName>
    <definedName name="______RE2" localSheetId="9">#REF!</definedName>
    <definedName name="______RE2" localSheetId="2">#REF!</definedName>
    <definedName name="______RE2">#REF!</definedName>
    <definedName name="______SUB2" localSheetId="4">#REF!</definedName>
    <definedName name="______SUB2" localSheetId="5">#REF!</definedName>
    <definedName name="______SUB2" localSheetId="6">#REF!</definedName>
    <definedName name="______SUB2" localSheetId="7">#REF!</definedName>
    <definedName name="______SUB2" localSheetId="8">#REF!</definedName>
    <definedName name="______SUB2" localSheetId="2">#REF!</definedName>
    <definedName name="______SUB2">#REF!</definedName>
    <definedName name="______SUB3" localSheetId="4">#REF!</definedName>
    <definedName name="______SUB3" localSheetId="5">#REF!</definedName>
    <definedName name="______SUB3" localSheetId="6">#REF!</definedName>
    <definedName name="______SUB3" localSheetId="7">#REF!</definedName>
    <definedName name="______SUB3" localSheetId="8">#REF!</definedName>
    <definedName name="______SUB3" localSheetId="2">#REF!</definedName>
    <definedName name="______SUB3">#REF!</definedName>
    <definedName name="______SUB4" localSheetId="4">#REF!</definedName>
    <definedName name="______SUB4" localSheetId="5">#REF!</definedName>
    <definedName name="______SUB4" localSheetId="6">#REF!</definedName>
    <definedName name="______SUB4" localSheetId="7">#REF!</definedName>
    <definedName name="______SUB4" localSheetId="8">#REF!</definedName>
    <definedName name="______SUB4" localSheetId="2">#REF!</definedName>
    <definedName name="______SUB4">#REF!</definedName>
    <definedName name="_____d2" localSheetId="4">[1]!ピクチャ5_Click</definedName>
    <definedName name="_____d2" localSheetId="5">[1]!ピクチャ5_Click</definedName>
    <definedName name="_____d2" localSheetId="6">[1]!ピクチャ5_Click</definedName>
    <definedName name="_____d2" localSheetId="7">[1]!ピクチャ5_Click</definedName>
    <definedName name="_____d2" localSheetId="8">[1]!ピクチャ5_Click</definedName>
    <definedName name="_____d2" localSheetId="2">[1]!ピクチャ5_Click</definedName>
    <definedName name="_____d2">[1]!ピクチャ5_Click</definedName>
    <definedName name="_____RE2" localSheetId="4">#REF!</definedName>
    <definedName name="_____RE2" localSheetId="5">#REF!</definedName>
    <definedName name="_____RE2" localSheetId="6">#REF!</definedName>
    <definedName name="_____RE2" localSheetId="7">#REF!</definedName>
    <definedName name="_____RE2" localSheetId="8">#REF!</definedName>
    <definedName name="_____RE2" localSheetId="9">#REF!</definedName>
    <definedName name="_____RE2" localSheetId="2">#REF!</definedName>
    <definedName name="_____RE2">#REF!</definedName>
    <definedName name="_____SUB2" localSheetId="4">#REF!</definedName>
    <definedName name="_____SUB2" localSheetId="5">#REF!</definedName>
    <definedName name="_____SUB2" localSheetId="6">#REF!</definedName>
    <definedName name="_____SUB2" localSheetId="7">#REF!</definedName>
    <definedName name="_____SUB2" localSheetId="8">#REF!</definedName>
    <definedName name="_____SUB2" localSheetId="2">#REF!</definedName>
    <definedName name="_____SUB2">#REF!</definedName>
    <definedName name="_____SUB3" localSheetId="4">#REF!</definedName>
    <definedName name="_____SUB3" localSheetId="5">#REF!</definedName>
    <definedName name="_____SUB3" localSheetId="6">#REF!</definedName>
    <definedName name="_____SUB3" localSheetId="7">#REF!</definedName>
    <definedName name="_____SUB3" localSheetId="8">#REF!</definedName>
    <definedName name="_____SUB3" localSheetId="2">#REF!</definedName>
    <definedName name="_____SUB3">#REF!</definedName>
    <definedName name="_____SUB4" localSheetId="4">#REF!</definedName>
    <definedName name="_____SUB4" localSheetId="5">#REF!</definedName>
    <definedName name="_____SUB4" localSheetId="6">#REF!</definedName>
    <definedName name="_____SUB4" localSheetId="7">#REF!</definedName>
    <definedName name="_____SUB4" localSheetId="8">#REF!</definedName>
    <definedName name="_____SUB4" localSheetId="2">#REF!</definedName>
    <definedName name="_____SUB4">#REF!</definedName>
    <definedName name="____BOX01" localSheetId="4">#REF!</definedName>
    <definedName name="____BOX01" localSheetId="5">#REF!</definedName>
    <definedName name="____BOX01" localSheetId="6">#REF!</definedName>
    <definedName name="____BOX01" localSheetId="7">#REF!</definedName>
    <definedName name="____BOX01" localSheetId="8">#REF!</definedName>
    <definedName name="____BOX01" localSheetId="2">#REF!</definedName>
    <definedName name="____BOX01">#REF!</definedName>
    <definedName name="____BOX02" localSheetId="4">#REF!</definedName>
    <definedName name="____BOX02" localSheetId="5">#REF!</definedName>
    <definedName name="____BOX02" localSheetId="6">#REF!</definedName>
    <definedName name="____BOX02" localSheetId="7">#REF!</definedName>
    <definedName name="____BOX02" localSheetId="8">#REF!</definedName>
    <definedName name="____BOX02" localSheetId="2">#REF!</definedName>
    <definedName name="____BOX02">#REF!</definedName>
    <definedName name="____BOX03" localSheetId="4">#REF!</definedName>
    <definedName name="____BOX03" localSheetId="5">#REF!</definedName>
    <definedName name="____BOX03" localSheetId="6">#REF!</definedName>
    <definedName name="____BOX03" localSheetId="7">#REF!</definedName>
    <definedName name="____BOX03" localSheetId="8">#REF!</definedName>
    <definedName name="____BOX03" localSheetId="2">#REF!</definedName>
    <definedName name="____BOX03">#REF!</definedName>
    <definedName name="____BUN2">[4]歩・屋!$E$5:$T$16</definedName>
    <definedName name="____d2" localSheetId="4">[1]!ピクチャ5_Click</definedName>
    <definedName name="____d2" localSheetId="5">[1]!ピクチャ5_Click</definedName>
    <definedName name="____d2" localSheetId="6">[1]!ピクチャ5_Click</definedName>
    <definedName name="____d2" localSheetId="7">[1]!ピクチャ5_Click</definedName>
    <definedName name="____d2" localSheetId="8">[1]!ピクチャ5_Click</definedName>
    <definedName name="____d2" localSheetId="2">[1]!ピクチャ5_Click</definedName>
    <definedName name="____d2">[1]!ピクチャ5_Click</definedName>
    <definedName name="____RE2" localSheetId="4">#REF!</definedName>
    <definedName name="____RE2" localSheetId="5">#REF!</definedName>
    <definedName name="____RE2" localSheetId="6">#REF!</definedName>
    <definedName name="____RE2" localSheetId="7">#REF!</definedName>
    <definedName name="____RE2" localSheetId="8">#REF!</definedName>
    <definedName name="____RE2" localSheetId="9">#REF!</definedName>
    <definedName name="____RE2" localSheetId="2">#REF!</definedName>
    <definedName name="____RE2">#REF!</definedName>
    <definedName name="____SON1" localSheetId="4">#REF!</definedName>
    <definedName name="____SON1" localSheetId="5">#REF!</definedName>
    <definedName name="____SON1" localSheetId="6">#REF!</definedName>
    <definedName name="____SON1" localSheetId="7">#REF!</definedName>
    <definedName name="____SON1" localSheetId="8">#REF!</definedName>
    <definedName name="____SON1" localSheetId="2">#REF!</definedName>
    <definedName name="____SON1">#REF!</definedName>
    <definedName name="____son2" localSheetId="4">#REF!</definedName>
    <definedName name="____son2" localSheetId="5">#REF!</definedName>
    <definedName name="____son2" localSheetId="6">#REF!</definedName>
    <definedName name="____son2" localSheetId="7">#REF!</definedName>
    <definedName name="____son2" localSheetId="8">#REF!</definedName>
    <definedName name="____son2" localSheetId="2">#REF!</definedName>
    <definedName name="____son2">#REF!</definedName>
    <definedName name="____SON3" localSheetId="4">#REF!</definedName>
    <definedName name="____SON3" localSheetId="5">#REF!</definedName>
    <definedName name="____SON3" localSheetId="6">#REF!</definedName>
    <definedName name="____SON3" localSheetId="7">#REF!</definedName>
    <definedName name="____SON3" localSheetId="8">#REF!</definedName>
    <definedName name="____SON3" localSheetId="2">#REF!</definedName>
    <definedName name="____SON3">#REF!</definedName>
    <definedName name="____SUB2" localSheetId="4">#REF!</definedName>
    <definedName name="____SUB2" localSheetId="5">#REF!</definedName>
    <definedName name="____SUB2" localSheetId="6">#REF!</definedName>
    <definedName name="____SUB2" localSheetId="7">#REF!</definedName>
    <definedName name="____SUB2" localSheetId="8">#REF!</definedName>
    <definedName name="____SUB2" localSheetId="2">#REF!</definedName>
    <definedName name="____SUB2">#REF!</definedName>
    <definedName name="____SUB3" localSheetId="4">#REF!</definedName>
    <definedName name="____SUB3" localSheetId="5">#REF!</definedName>
    <definedName name="____SUB3" localSheetId="6">#REF!</definedName>
    <definedName name="____SUB3" localSheetId="7">#REF!</definedName>
    <definedName name="____SUB3" localSheetId="8">#REF!</definedName>
    <definedName name="____SUB3" localSheetId="2">#REF!</definedName>
    <definedName name="____SUB3">#REF!</definedName>
    <definedName name="____SUB4" localSheetId="4">#REF!</definedName>
    <definedName name="____SUB4" localSheetId="5">#REF!</definedName>
    <definedName name="____SUB4" localSheetId="6">#REF!</definedName>
    <definedName name="____SUB4" localSheetId="7">#REF!</definedName>
    <definedName name="____SUB4" localSheetId="8">#REF!</definedName>
    <definedName name="____SUB4" localSheetId="2">#REF!</definedName>
    <definedName name="____SUB4">#REF!</definedName>
    <definedName name="____tan1" localSheetId="4">#REF!</definedName>
    <definedName name="____tan1" localSheetId="5">#REF!</definedName>
    <definedName name="____tan1" localSheetId="6">#REF!</definedName>
    <definedName name="____tan1" localSheetId="7">#REF!</definedName>
    <definedName name="____tan1" localSheetId="8">#REF!</definedName>
    <definedName name="____tan1" localSheetId="2">#REF!</definedName>
    <definedName name="____tan1">#REF!</definedName>
    <definedName name="____tan2" localSheetId="4">#REF!</definedName>
    <definedName name="____tan2" localSheetId="5">#REF!</definedName>
    <definedName name="____tan2" localSheetId="6">#REF!</definedName>
    <definedName name="____tan2" localSheetId="7">#REF!</definedName>
    <definedName name="____tan2" localSheetId="8">#REF!</definedName>
    <definedName name="____tan2" localSheetId="2">#REF!</definedName>
    <definedName name="____tan2">#REF!</definedName>
    <definedName name="____tan3" localSheetId="4">#REF!</definedName>
    <definedName name="____tan3" localSheetId="5">#REF!</definedName>
    <definedName name="____tan3" localSheetId="6">#REF!</definedName>
    <definedName name="____tan3" localSheetId="7">#REF!</definedName>
    <definedName name="____tan3" localSheetId="8">#REF!</definedName>
    <definedName name="____tan3" localSheetId="2">#REF!</definedName>
    <definedName name="____tan3">#REF!</definedName>
    <definedName name="___A1" localSheetId="4">'[5]#REF'!#REF!</definedName>
    <definedName name="___A1" localSheetId="5">'[5]#REF'!#REF!</definedName>
    <definedName name="___A1" localSheetId="6">'[5]#REF'!#REF!</definedName>
    <definedName name="___A1" localSheetId="7">'[5]#REF'!#REF!</definedName>
    <definedName name="___A1" localSheetId="8">'[5]#REF'!#REF!</definedName>
    <definedName name="___A1" localSheetId="2">'[5]#REF'!#REF!</definedName>
    <definedName name="___A1">'[5]#REF'!#REF!</definedName>
    <definedName name="___ｂ９" localSheetId="4">#REF!</definedName>
    <definedName name="___ｂ９" localSheetId="5">#REF!</definedName>
    <definedName name="___ｂ９" localSheetId="6">#REF!</definedName>
    <definedName name="___ｂ９" localSheetId="7">#REF!</definedName>
    <definedName name="___ｂ９" localSheetId="8">#REF!</definedName>
    <definedName name="___ｂ９" localSheetId="9">#REF!</definedName>
    <definedName name="___ｂ９" localSheetId="2">#REF!</definedName>
    <definedName name="___ｂ９">#REF!</definedName>
    <definedName name="___BOX01" localSheetId="4">#REF!</definedName>
    <definedName name="___BOX01" localSheetId="5">#REF!</definedName>
    <definedName name="___BOX01" localSheetId="6">#REF!</definedName>
    <definedName name="___BOX01" localSheetId="7">#REF!</definedName>
    <definedName name="___BOX01" localSheetId="8">#REF!</definedName>
    <definedName name="___BOX01" localSheetId="2">#REF!</definedName>
    <definedName name="___BOX01">#REF!</definedName>
    <definedName name="___BOX02" localSheetId="4">#REF!</definedName>
    <definedName name="___BOX02" localSheetId="5">#REF!</definedName>
    <definedName name="___BOX02" localSheetId="6">#REF!</definedName>
    <definedName name="___BOX02" localSheetId="7">#REF!</definedName>
    <definedName name="___BOX02" localSheetId="8">#REF!</definedName>
    <definedName name="___BOX02" localSheetId="2">#REF!</definedName>
    <definedName name="___BOX02">#REF!</definedName>
    <definedName name="___BOX03" localSheetId="4">#REF!</definedName>
    <definedName name="___BOX03" localSheetId="5">#REF!</definedName>
    <definedName name="___BOX03" localSheetId="6">#REF!</definedName>
    <definedName name="___BOX03" localSheetId="7">#REF!</definedName>
    <definedName name="___BOX03" localSheetId="8">#REF!</definedName>
    <definedName name="___BOX03" localSheetId="2">#REF!</definedName>
    <definedName name="___BOX03">#REF!</definedName>
    <definedName name="___BUN2">[4]歩・屋!$E$5:$T$16</definedName>
    <definedName name="___d2" localSheetId="4">[1]!ピクチャ5_Click</definedName>
    <definedName name="___d2" localSheetId="5">[1]!ピクチャ5_Click</definedName>
    <definedName name="___d2" localSheetId="6">[1]!ピクチャ5_Click</definedName>
    <definedName name="___d2" localSheetId="7">[1]!ピクチャ5_Click</definedName>
    <definedName name="___d2" localSheetId="8">[1]!ピクチャ5_Click</definedName>
    <definedName name="___d2" localSheetId="2">[1]!ピクチャ5_Click</definedName>
    <definedName name="___d2">[1]!ピクチャ5_Click</definedName>
    <definedName name="___N10" localSheetId="4">#REF!</definedName>
    <definedName name="___N10" localSheetId="5">#REF!</definedName>
    <definedName name="___N10" localSheetId="6">#REF!</definedName>
    <definedName name="___N10" localSheetId="7">#REF!</definedName>
    <definedName name="___N10" localSheetId="8">#REF!</definedName>
    <definedName name="___N10" localSheetId="9">#REF!</definedName>
    <definedName name="___N10" localSheetId="2">#REF!</definedName>
    <definedName name="___N10">#REF!</definedName>
    <definedName name="___N11" localSheetId="4">#REF!</definedName>
    <definedName name="___N11" localSheetId="5">#REF!</definedName>
    <definedName name="___N11" localSheetId="6">#REF!</definedName>
    <definedName name="___N11" localSheetId="7">#REF!</definedName>
    <definedName name="___N11" localSheetId="8">#REF!</definedName>
    <definedName name="___N11" localSheetId="2">#REF!</definedName>
    <definedName name="___N11">#REF!</definedName>
    <definedName name="___N12" localSheetId="4">#REF!</definedName>
    <definedName name="___N12" localSheetId="5">#REF!</definedName>
    <definedName name="___N12" localSheetId="6">#REF!</definedName>
    <definedName name="___N12" localSheetId="7">#REF!</definedName>
    <definedName name="___N12" localSheetId="8">#REF!</definedName>
    <definedName name="___N12" localSheetId="2">#REF!</definedName>
    <definedName name="___N12">#REF!</definedName>
    <definedName name="___N13" localSheetId="4">#REF!</definedName>
    <definedName name="___N13" localSheetId="5">#REF!</definedName>
    <definedName name="___N13" localSheetId="6">#REF!</definedName>
    <definedName name="___N13" localSheetId="7">#REF!</definedName>
    <definedName name="___N13" localSheetId="8">#REF!</definedName>
    <definedName name="___N13" localSheetId="2">#REF!</definedName>
    <definedName name="___N13">#REF!</definedName>
    <definedName name="___N14" localSheetId="4">#REF!</definedName>
    <definedName name="___N14" localSheetId="5">#REF!</definedName>
    <definedName name="___N14" localSheetId="6">#REF!</definedName>
    <definedName name="___N14" localSheetId="7">#REF!</definedName>
    <definedName name="___N14" localSheetId="8">#REF!</definedName>
    <definedName name="___N14" localSheetId="2">#REF!</definedName>
    <definedName name="___N14">#REF!</definedName>
    <definedName name="___N15" localSheetId="4">#REF!</definedName>
    <definedName name="___N15" localSheetId="5">#REF!</definedName>
    <definedName name="___N15" localSheetId="6">#REF!</definedName>
    <definedName name="___N15" localSheetId="7">#REF!</definedName>
    <definedName name="___N15" localSheetId="8">#REF!</definedName>
    <definedName name="___N15" localSheetId="2">#REF!</definedName>
    <definedName name="___N15">#REF!</definedName>
    <definedName name="___N16" localSheetId="4">#REF!</definedName>
    <definedName name="___N16" localSheetId="5">#REF!</definedName>
    <definedName name="___N16" localSheetId="6">#REF!</definedName>
    <definedName name="___N16" localSheetId="7">#REF!</definedName>
    <definedName name="___N16" localSheetId="8">#REF!</definedName>
    <definedName name="___N16" localSheetId="2">#REF!</definedName>
    <definedName name="___N16">#REF!</definedName>
    <definedName name="___N17" localSheetId="4">#REF!</definedName>
    <definedName name="___N17" localSheetId="5">#REF!</definedName>
    <definedName name="___N17" localSheetId="6">#REF!</definedName>
    <definedName name="___N17" localSheetId="7">#REF!</definedName>
    <definedName name="___N17" localSheetId="8">#REF!</definedName>
    <definedName name="___N17" localSheetId="2">#REF!</definedName>
    <definedName name="___N17">#REF!</definedName>
    <definedName name="___N18" localSheetId="4">#REF!</definedName>
    <definedName name="___N18" localSheetId="5">#REF!</definedName>
    <definedName name="___N18" localSheetId="6">#REF!</definedName>
    <definedName name="___N18" localSheetId="7">#REF!</definedName>
    <definedName name="___N18" localSheetId="8">#REF!</definedName>
    <definedName name="___N18" localSheetId="2">#REF!</definedName>
    <definedName name="___N18">#REF!</definedName>
    <definedName name="___N19" localSheetId="4">#REF!</definedName>
    <definedName name="___N19" localSheetId="5">#REF!</definedName>
    <definedName name="___N19" localSheetId="6">#REF!</definedName>
    <definedName name="___N19" localSheetId="7">#REF!</definedName>
    <definedName name="___N19" localSheetId="8">#REF!</definedName>
    <definedName name="___N19" localSheetId="2">#REF!</definedName>
    <definedName name="___N19">#REF!</definedName>
    <definedName name="___N20" localSheetId="4">#REF!</definedName>
    <definedName name="___N20" localSheetId="5">#REF!</definedName>
    <definedName name="___N20" localSheetId="6">#REF!</definedName>
    <definedName name="___N20" localSheetId="7">#REF!</definedName>
    <definedName name="___N20" localSheetId="8">#REF!</definedName>
    <definedName name="___N20" localSheetId="2">#REF!</definedName>
    <definedName name="___N20">#REF!</definedName>
    <definedName name="___N21" localSheetId="4">#REF!</definedName>
    <definedName name="___N21" localSheetId="5">#REF!</definedName>
    <definedName name="___N21" localSheetId="6">#REF!</definedName>
    <definedName name="___N21" localSheetId="7">#REF!</definedName>
    <definedName name="___N21" localSheetId="8">#REF!</definedName>
    <definedName name="___N21" localSheetId="2">#REF!</definedName>
    <definedName name="___N21">#REF!</definedName>
    <definedName name="___N22" localSheetId="4">#REF!</definedName>
    <definedName name="___N22" localSheetId="5">#REF!</definedName>
    <definedName name="___N22" localSheetId="6">#REF!</definedName>
    <definedName name="___N22" localSheetId="7">#REF!</definedName>
    <definedName name="___N22" localSheetId="8">#REF!</definedName>
    <definedName name="___N22" localSheetId="2">#REF!</definedName>
    <definedName name="___N22">#REF!</definedName>
    <definedName name="___N23" localSheetId="4">#REF!</definedName>
    <definedName name="___N23" localSheetId="5">#REF!</definedName>
    <definedName name="___N23" localSheetId="6">#REF!</definedName>
    <definedName name="___N23" localSheetId="7">#REF!</definedName>
    <definedName name="___N23" localSheetId="8">#REF!</definedName>
    <definedName name="___N23" localSheetId="2">#REF!</definedName>
    <definedName name="___N23">#REF!</definedName>
    <definedName name="___N24" localSheetId="4">#REF!</definedName>
    <definedName name="___N24" localSheetId="5">#REF!</definedName>
    <definedName name="___N24" localSheetId="6">#REF!</definedName>
    <definedName name="___N24" localSheetId="7">#REF!</definedName>
    <definedName name="___N24" localSheetId="8">#REF!</definedName>
    <definedName name="___N24" localSheetId="2">#REF!</definedName>
    <definedName name="___N24">#REF!</definedName>
    <definedName name="___N25" localSheetId="4">#REF!</definedName>
    <definedName name="___N25" localSheetId="5">#REF!</definedName>
    <definedName name="___N25" localSheetId="6">#REF!</definedName>
    <definedName name="___N25" localSheetId="7">#REF!</definedName>
    <definedName name="___N25" localSheetId="8">#REF!</definedName>
    <definedName name="___N25" localSheetId="2">#REF!</definedName>
    <definedName name="___N25">#REF!</definedName>
    <definedName name="___N26" localSheetId="4">#REF!</definedName>
    <definedName name="___N26" localSheetId="5">#REF!</definedName>
    <definedName name="___N26" localSheetId="6">#REF!</definedName>
    <definedName name="___N26" localSheetId="7">#REF!</definedName>
    <definedName name="___N26" localSheetId="8">#REF!</definedName>
    <definedName name="___N26" localSheetId="2">#REF!</definedName>
    <definedName name="___N26">#REF!</definedName>
    <definedName name="___N27" localSheetId="4">#REF!</definedName>
    <definedName name="___N27" localSheetId="5">#REF!</definedName>
    <definedName name="___N27" localSheetId="6">#REF!</definedName>
    <definedName name="___N27" localSheetId="7">#REF!</definedName>
    <definedName name="___N27" localSheetId="8">#REF!</definedName>
    <definedName name="___N27" localSheetId="2">#REF!</definedName>
    <definedName name="___N27">#REF!</definedName>
    <definedName name="___N28" localSheetId="4">#REF!</definedName>
    <definedName name="___N28" localSheetId="5">#REF!</definedName>
    <definedName name="___N28" localSheetId="6">#REF!</definedName>
    <definedName name="___N28" localSheetId="7">#REF!</definedName>
    <definedName name="___N28" localSheetId="8">#REF!</definedName>
    <definedName name="___N28" localSheetId="2">#REF!</definedName>
    <definedName name="___N28">#REF!</definedName>
    <definedName name="___N29" localSheetId="4">#REF!</definedName>
    <definedName name="___N29" localSheetId="5">#REF!</definedName>
    <definedName name="___N29" localSheetId="6">#REF!</definedName>
    <definedName name="___N29" localSheetId="7">#REF!</definedName>
    <definedName name="___N29" localSheetId="8">#REF!</definedName>
    <definedName name="___N29" localSheetId="2">#REF!</definedName>
    <definedName name="___N29">#REF!</definedName>
    <definedName name="___N30" localSheetId="4">#REF!</definedName>
    <definedName name="___N30" localSheetId="5">#REF!</definedName>
    <definedName name="___N30" localSheetId="6">#REF!</definedName>
    <definedName name="___N30" localSheetId="7">#REF!</definedName>
    <definedName name="___N30" localSheetId="8">#REF!</definedName>
    <definedName name="___N30" localSheetId="2">#REF!</definedName>
    <definedName name="___N30">#REF!</definedName>
    <definedName name="___N31" localSheetId="4">#REF!</definedName>
    <definedName name="___N31" localSheetId="5">#REF!</definedName>
    <definedName name="___N31" localSheetId="6">#REF!</definedName>
    <definedName name="___N31" localSheetId="7">#REF!</definedName>
    <definedName name="___N31" localSheetId="8">#REF!</definedName>
    <definedName name="___N31" localSheetId="2">#REF!</definedName>
    <definedName name="___N31">#REF!</definedName>
    <definedName name="___N32" localSheetId="4">#REF!</definedName>
    <definedName name="___N32" localSheetId="5">#REF!</definedName>
    <definedName name="___N32" localSheetId="6">#REF!</definedName>
    <definedName name="___N32" localSheetId="7">#REF!</definedName>
    <definedName name="___N32" localSheetId="8">#REF!</definedName>
    <definedName name="___N32" localSheetId="2">#REF!</definedName>
    <definedName name="___N32">#REF!</definedName>
    <definedName name="___N33" localSheetId="4">#REF!</definedName>
    <definedName name="___N33" localSheetId="5">#REF!</definedName>
    <definedName name="___N33" localSheetId="6">#REF!</definedName>
    <definedName name="___N33" localSheetId="7">#REF!</definedName>
    <definedName name="___N33" localSheetId="8">#REF!</definedName>
    <definedName name="___N33" localSheetId="2">#REF!</definedName>
    <definedName name="___N33">#REF!</definedName>
    <definedName name="___N34" localSheetId="4">#REF!</definedName>
    <definedName name="___N34" localSheetId="5">#REF!</definedName>
    <definedName name="___N34" localSheetId="6">#REF!</definedName>
    <definedName name="___N34" localSheetId="7">#REF!</definedName>
    <definedName name="___N34" localSheetId="8">#REF!</definedName>
    <definedName name="___N34" localSheetId="2">#REF!</definedName>
    <definedName name="___N34">#REF!</definedName>
    <definedName name="___N5" localSheetId="4">#REF!</definedName>
    <definedName name="___N5" localSheetId="5">#REF!</definedName>
    <definedName name="___N5" localSheetId="6">#REF!</definedName>
    <definedName name="___N5" localSheetId="7">#REF!</definedName>
    <definedName name="___N5" localSheetId="8">#REF!</definedName>
    <definedName name="___N5" localSheetId="2">#REF!</definedName>
    <definedName name="___N5">#REF!</definedName>
    <definedName name="___N6" localSheetId="4">#REF!</definedName>
    <definedName name="___N6" localSheetId="5">#REF!</definedName>
    <definedName name="___N6" localSheetId="6">#REF!</definedName>
    <definedName name="___N6" localSheetId="7">#REF!</definedName>
    <definedName name="___N6" localSheetId="8">#REF!</definedName>
    <definedName name="___N6" localSheetId="2">#REF!</definedName>
    <definedName name="___N6">#REF!</definedName>
    <definedName name="___N7" localSheetId="4">#REF!</definedName>
    <definedName name="___N7" localSheetId="5">#REF!</definedName>
    <definedName name="___N7" localSheetId="6">#REF!</definedName>
    <definedName name="___N7" localSheetId="7">#REF!</definedName>
    <definedName name="___N7" localSheetId="8">#REF!</definedName>
    <definedName name="___N7" localSheetId="2">#REF!</definedName>
    <definedName name="___N7">#REF!</definedName>
    <definedName name="___N8" localSheetId="4">#REF!</definedName>
    <definedName name="___N8" localSheetId="5">#REF!</definedName>
    <definedName name="___N8" localSheetId="6">#REF!</definedName>
    <definedName name="___N8" localSheetId="7">#REF!</definedName>
    <definedName name="___N8" localSheetId="8">#REF!</definedName>
    <definedName name="___N8" localSheetId="2">#REF!</definedName>
    <definedName name="___N8">#REF!</definedName>
    <definedName name="___N9" localSheetId="4">#REF!</definedName>
    <definedName name="___N9" localSheetId="5">#REF!</definedName>
    <definedName name="___N9" localSheetId="6">#REF!</definedName>
    <definedName name="___N9" localSheetId="7">#REF!</definedName>
    <definedName name="___N9" localSheetId="8">#REF!</definedName>
    <definedName name="___N9" localSheetId="2">#REF!</definedName>
    <definedName name="___N9">#REF!</definedName>
    <definedName name="___RE2" localSheetId="4">#REF!</definedName>
    <definedName name="___RE2" localSheetId="5">#REF!</definedName>
    <definedName name="___RE2" localSheetId="6">#REF!</definedName>
    <definedName name="___RE2" localSheetId="7">#REF!</definedName>
    <definedName name="___RE2" localSheetId="8">#REF!</definedName>
    <definedName name="___RE2" localSheetId="2">#REF!</definedName>
    <definedName name="___RE2">#REF!</definedName>
    <definedName name="___SON1" localSheetId="4">#REF!</definedName>
    <definedName name="___SON1" localSheetId="5">#REF!</definedName>
    <definedName name="___SON1" localSheetId="6">#REF!</definedName>
    <definedName name="___SON1" localSheetId="7">#REF!</definedName>
    <definedName name="___SON1" localSheetId="8">#REF!</definedName>
    <definedName name="___SON1" localSheetId="2">#REF!</definedName>
    <definedName name="___SON1">#REF!</definedName>
    <definedName name="___son2" localSheetId="4">#REF!</definedName>
    <definedName name="___son2" localSheetId="5">#REF!</definedName>
    <definedName name="___son2" localSheetId="6">#REF!</definedName>
    <definedName name="___son2" localSheetId="7">#REF!</definedName>
    <definedName name="___son2" localSheetId="8">#REF!</definedName>
    <definedName name="___son2" localSheetId="2">#REF!</definedName>
    <definedName name="___son2">#REF!</definedName>
    <definedName name="___SON3" localSheetId="4">#REF!</definedName>
    <definedName name="___SON3" localSheetId="5">#REF!</definedName>
    <definedName name="___SON3" localSheetId="6">#REF!</definedName>
    <definedName name="___SON3" localSheetId="7">#REF!</definedName>
    <definedName name="___SON3" localSheetId="8">#REF!</definedName>
    <definedName name="___SON3" localSheetId="2">#REF!</definedName>
    <definedName name="___SON3">#REF!</definedName>
    <definedName name="___SUB2" localSheetId="4">#REF!</definedName>
    <definedName name="___SUB2" localSheetId="5">#REF!</definedName>
    <definedName name="___SUB2" localSheetId="6">#REF!</definedName>
    <definedName name="___SUB2" localSheetId="7">#REF!</definedName>
    <definedName name="___SUB2" localSheetId="8">#REF!</definedName>
    <definedName name="___SUB2" localSheetId="2">#REF!</definedName>
    <definedName name="___SUB2">#REF!</definedName>
    <definedName name="___SUB3" localSheetId="4">#REF!</definedName>
    <definedName name="___SUB3" localSheetId="5">#REF!</definedName>
    <definedName name="___SUB3" localSheetId="6">#REF!</definedName>
    <definedName name="___SUB3" localSheetId="7">#REF!</definedName>
    <definedName name="___SUB3" localSheetId="8">#REF!</definedName>
    <definedName name="___SUB3" localSheetId="2">#REF!</definedName>
    <definedName name="___SUB3">#REF!</definedName>
    <definedName name="___SUB4" localSheetId="4">#REF!</definedName>
    <definedName name="___SUB4" localSheetId="5">#REF!</definedName>
    <definedName name="___SUB4" localSheetId="6">#REF!</definedName>
    <definedName name="___SUB4" localSheetId="7">#REF!</definedName>
    <definedName name="___SUB4" localSheetId="8">#REF!</definedName>
    <definedName name="___SUB4" localSheetId="2">#REF!</definedName>
    <definedName name="___SUB4">#REF!</definedName>
    <definedName name="___tan1" localSheetId="4">#REF!</definedName>
    <definedName name="___tan1" localSheetId="5">#REF!</definedName>
    <definedName name="___tan1" localSheetId="6">#REF!</definedName>
    <definedName name="___tan1" localSheetId="7">#REF!</definedName>
    <definedName name="___tan1" localSheetId="8">#REF!</definedName>
    <definedName name="___tan1" localSheetId="2">#REF!</definedName>
    <definedName name="___tan1">#REF!</definedName>
    <definedName name="___tan2" localSheetId="4">#REF!</definedName>
    <definedName name="___tan2" localSheetId="5">#REF!</definedName>
    <definedName name="___tan2" localSheetId="6">#REF!</definedName>
    <definedName name="___tan2" localSheetId="7">#REF!</definedName>
    <definedName name="___tan2" localSheetId="8">#REF!</definedName>
    <definedName name="___tan2" localSheetId="2">#REF!</definedName>
    <definedName name="___tan2">#REF!</definedName>
    <definedName name="___tan3" localSheetId="4">#REF!</definedName>
    <definedName name="___tan3" localSheetId="5">#REF!</definedName>
    <definedName name="___tan3" localSheetId="6">#REF!</definedName>
    <definedName name="___tan3" localSheetId="7">#REF!</definedName>
    <definedName name="___tan3" localSheetId="8">#REF!</definedName>
    <definedName name="___tan3" localSheetId="2">#REF!</definedName>
    <definedName name="___tan3">#REF!</definedName>
    <definedName name="___V1" localSheetId="4">#REF!</definedName>
    <definedName name="___V1" localSheetId="5">#REF!</definedName>
    <definedName name="___V1" localSheetId="6">#REF!</definedName>
    <definedName name="___V1" localSheetId="7">#REF!</definedName>
    <definedName name="___V1" localSheetId="8">#REF!</definedName>
    <definedName name="___V1" localSheetId="2">#REF!</definedName>
    <definedName name="___V1">#REF!</definedName>
    <definedName name="___V10" localSheetId="4">#REF!</definedName>
    <definedName name="___V10" localSheetId="5">#REF!</definedName>
    <definedName name="___V10" localSheetId="6">#REF!</definedName>
    <definedName name="___V10" localSheetId="7">#REF!</definedName>
    <definedName name="___V10" localSheetId="8">#REF!</definedName>
    <definedName name="___V10" localSheetId="2">#REF!</definedName>
    <definedName name="___V10">#REF!</definedName>
    <definedName name="___V11" localSheetId="4">#REF!</definedName>
    <definedName name="___V11" localSheetId="5">#REF!</definedName>
    <definedName name="___V11" localSheetId="6">#REF!</definedName>
    <definedName name="___V11" localSheetId="7">#REF!</definedName>
    <definedName name="___V11" localSheetId="8">#REF!</definedName>
    <definedName name="___V11" localSheetId="2">#REF!</definedName>
    <definedName name="___V11">#REF!</definedName>
    <definedName name="___V12" localSheetId="4">#REF!</definedName>
    <definedName name="___V12" localSheetId="5">#REF!</definedName>
    <definedName name="___V12" localSheetId="6">#REF!</definedName>
    <definedName name="___V12" localSheetId="7">#REF!</definedName>
    <definedName name="___V12" localSheetId="8">#REF!</definedName>
    <definedName name="___V12" localSheetId="2">#REF!</definedName>
    <definedName name="___V12">#REF!</definedName>
    <definedName name="___V13" localSheetId="4">#REF!</definedName>
    <definedName name="___V13" localSheetId="5">#REF!</definedName>
    <definedName name="___V13" localSheetId="6">#REF!</definedName>
    <definedName name="___V13" localSheetId="7">#REF!</definedName>
    <definedName name="___V13" localSheetId="8">#REF!</definedName>
    <definedName name="___V13" localSheetId="2">#REF!</definedName>
    <definedName name="___V13">#REF!</definedName>
    <definedName name="___V14" localSheetId="4">#REF!</definedName>
    <definedName name="___V14" localSheetId="5">#REF!</definedName>
    <definedName name="___V14" localSheetId="6">#REF!</definedName>
    <definedName name="___V14" localSheetId="7">#REF!</definedName>
    <definedName name="___V14" localSheetId="8">#REF!</definedName>
    <definedName name="___V14" localSheetId="2">#REF!</definedName>
    <definedName name="___V14">#REF!</definedName>
    <definedName name="___V15" localSheetId="4">#REF!</definedName>
    <definedName name="___V15" localSheetId="5">#REF!</definedName>
    <definedName name="___V15" localSheetId="6">#REF!</definedName>
    <definedName name="___V15" localSheetId="7">#REF!</definedName>
    <definedName name="___V15" localSheetId="8">#REF!</definedName>
    <definedName name="___V15" localSheetId="2">#REF!</definedName>
    <definedName name="___V15">#REF!</definedName>
    <definedName name="___V16" localSheetId="4">#REF!</definedName>
    <definedName name="___V16" localSheetId="5">#REF!</definedName>
    <definedName name="___V16" localSheetId="6">#REF!</definedName>
    <definedName name="___V16" localSheetId="7">#REF!</definedName>
    <definedName name="___V16" localSheetId="8">#REF!</definedName>
    <definedName name="___V16" localSheetId="2">#REF!</definedName>
    <definedName name="___V16">#REF!</definedName>
    <definedName name="___V17" localSheetId="4">#REF!</definedName>
    <definedName name="___V17" localSheetId="5">#REF!</definedName>
    <definedName name="___V17" localSheetId="6">#REF!</definedName>
    <definedName name="___V17" localSheetId="7">#REF!</definedName>
    <definedName name="___V17" localSheetId="8">#REF!</definedName>
    <definedName name="___V17" localSheetId="2">#REF!</definedName>
    <definedName name="___V17">#REF!</definedName>
    <definedName name="___V18" localSheetId="4">#REF!</definedName>
    <definedName name="___V18" localSheetId="5">#REF!</definedName>
    <definedName name="___V18" localSheetId="6">#REF!</definedName>
    <definedName name="___V18" localSheetId="7">#REF!</definedName>
    <definedName name="___V18" localSheetId="8">#REF!</definedName>
    <definedName name="___V18" localSheetId="2">#REF!</definedName>
    <definedName name="___V18">#REF!</definedName>
    <definedName name="___V19" localSheetId="4">#REF!</definedName>
    <definedName name="___V19" localSheetId="5">#REF!</definedName>
    <definedName name="___V19" localSheetId="6">#REF!</definedName>
    <definedName name="___V19" localSheetId="7">#REF!</definedName>
    <definedName name="___V19" localSheetId="8">#REF!</definedName>
    <definedName name="___V19" localSheetId="2">#REF!</definedName>
    <definedName name="___V19">#REF!</definedName>
    <definedName name="___V2" localSheetId="4">#REF!</definedName>
    <definedName name="___V2" localSheetId="5">#REF!</definedName>
    <definedName name="___V2" localSheetId="6">#REF!</definedName>
    <definedName name="___V2" localSheetId="7">#REF!</definedName>
    <definedName name="___V2" localSheetId="8">#REF!</definedName>
    <definedName name="___V2" localSheetId="2">#REF!</definedName>
    <definedName name="___V2">#REF!</definedName>
    <definedName name="___V20" localSheetId="4">#REF!</definedName>
    <definedName name="___V20" localSheetId="5">#REF!</definedName>
    <definedName name="___V20" localSheetId="6">#REF!</definedName>
    <definedName name="___V20" localSheetId="7">#REF!</definedName>
    <definedName name="___V20" localSheetId="8">#REF!</definedName>
    <definedName name="___V20" localSheetId="2">#REF!</definedName>
    <definedName name="___V20">#REF!</definedName>
    <definedName name="___V21" localSheetId="4">#REF!</definedName>
    <definedName name="___V21" localSheetId="5">#REF!</definedName>
    <definedName name="___V21" localSheetId="6">#REF!</definedName>
    <definedName name="___V21" localSheetId="7">#REF!</definedName>
    <definedName name="___V21" localSheetId="8">#REF!</definedName>
    <definedName name="___V21" localSheetId="2">#REF!</definedName>
    <definedName name="___V21">#REF!</definedName>
    <definedName name="___V22" localSheetId="4">#REF!</definedName>
    <definedName name="___V22" localSheetId="5">#REF!</definedName>
    <definedName name="___V22" localSheetId="6">#REF!</definedName>
    <definedName name="___V22" localSheetId="7">#REF!</definedName>
    <definedName name="___V22" localSheetId="8">#REF!</definedName>
    <definedName name="___V22" localSheetId="2">#REF!</definedName>
    <definedName name="___V22">#REF!</definedName>
    <definedName name="___V23" localSheetId="4">#REF!</definedName>
    <definedName name="___V23" localSheetId="5">#REF!</definedName>
    <definedName name="___V23" localSheetId="6">#REF!</definedName>
    <definedName name="___V23" localSheetId="7">#REF!</definedName>
    <definedName name="___V23" localSheetId="8">#REF!</definedName>
    <definedName name="___V23" localSheetId="2">#REF!</definedName>
    <definedName name="___V23">#REF!</definedName>
    <definedName name="___V24" localSheetId="4">#REF!</definedName>
    <definedName name="___V24" localSheetId="5">#REF!</definedName>
    <definedName name="___V24" localSheetId="6">#REF!</definedName>
    <definedName name="___V24" localSheetId="7">#REF!</definedName>
    <definedName name="___V24" localSheetId="8">#REF!</definedName>
    <definedName name="___V24" localSheetId="2">#REF!</definedName>
    <definedName name="___V24">#REF!</definedName>
    <definedName name="___V25" localSheetId="4">#REF!</definedName>
    <definedName name="___V25" localSheetId="5">#REF!</definedName>
    <definedName name="___V25" localSheetId="6">#REF!</definedName>
    <definedName name="___V25" localSheetId="7">#REF!</definedName>
    <definedName name="___V25" localSheetId="8">#REF!</definedName>
    <definedName name="___V25" localSheetId="2">#REF!</definedName>
    <definedName name="___V25">#REF!</definedName>
    <definedName name="___V26" localSheetId="4">#REF!</definedName>
    <definedName name="___V26" localSheetId="5">#REF!</definedName>
    <definedName name="___V26" localSheetId="6">#REF!</definedName>
    <definedName name="___V26" localSheetId="7">#REF!</definedName>
    <definedName name="___V26" localSheetId="8">#REF!</definedName>
    <definedName name="___V26" localSheetId="2">#REF!</definedName>
    <definedName name="___V26">#REF!</definedName>
    <definedName name="___V27" localSheetId="4">#REF!</definedName>
    <definedName name="___V27" localSheetId="5">#REF!</definedName>
    <definedName name="___V27" localSheetId="6">#REF!</definedName>
    <definedName name="___V27" localSheetId="7">#REF!</definedName>
    <definedName name="___V27" localSheetId="8">#REF!</definedName>
    <definedName name="___V27" localSheetId="2">#REF!</definedName>
    <definedName name="___V27">#REF!</definedName>
    <definedName name="___V28" localSheetId="4">#REF!</definedName>
    <definedName name="___V28" localSheetId="5">#REF!</definedName>
    <definedName name="___V28" localSheetId="6">#REF!</definedName>
    <definedName name="___V28" localSheetId="7">#REF!</definedName>
    <definedName name="___V28" localSheetId="8">#REF!</definedName>
    <definedName name="___V28" localSheetId="2">#REF!</definedName>
    <definedName name="___V28">#REF!</definedName>
    <definedName name="___V29" localSheetId="4">#REF!</definedName>
    <definedName name="___V29" localSheetId="5">#REF!</definedName>
    <definedName name="___V29" localSheetId="6">#REF!</definedName>
    <definedName name="___V29" localSheetId="7">#REF!</definedName>
    <definedName name="___V29" localSheetId="8">#REF!</definedName>
    <definedName name="___V29" localSheetId="2">#REF!</definedName>
    <definedName name="___V29">#REF!</definedName>
    <definedName name="___V30" localSheetId="4">#REF!</definedName>
    <definedName name="___V30" localSheetId="5">#REF!</definedName>
    <definedName name="___V30" localSheetId="6">#REF!</definedName>
    <definedName name="___V30" localSheetId="7">#REF!</definedName>
    <definedName name="___V30" localSheetId="8">#REF!</definedName>
    <definedName name="___V30" localSheetId="2">#REF!</definedName>
    <definedName name="___V30">#REF!</definedName>
    <definedName name="___V31" localSheetId="4">#REF!</definedName>
    <definedName name="___V31" localSheetId="5">#REF!</definedName>
    <definedName name="___V31" localSheetId="6">#REF!</definedName>
    <definedName name="___V31" localSheetId="7">#REF!</definedName>
    <definedName name="___V31" localSheetId="8">#REF!</definedName>
    <definedName name="___V31" localSheetId="2">#REF!</definedName>
    <definedName name="___V31">#REF!</definedName>
    <definedName name="___V32" localSheetId="4">#REF!</definedName>
    <definedName name="___V32" localSheetId="5">#REF!</definedName>
    <definedName name="___V32" localSheetId="6">#REF!</definedName>
    <definedName name="___V32" localSheetId="7">#REF!</definedName>
    <definedName name="___V32" localSheetId="8">#REF!</definedName>
    <definedName name="___V32" localSheetId="2">#REF!</definedName>
    <definedName name="___V32">#REF!</definedName>
    <definedName name="___V33" localSheetId="4">#REF!</definedName>
    <definedName name="___V33" localSheetId="5">#REF!</definedName>
    <definedName name="___V33" localSheetId="6">#REF!</definedName>
    <definedName name="___V33" localSheetId="7">#REF!</definedName>
    <definedName name="___V33" localSheetId="8">#REF!</definedName>
    <definedName name="___V33" localSheetId="2">#REF!</definedName>
    <definedName name="___V33">#REF!</definedName>
    <definedName name="___V34" localSheetId="4">#REF!</definedName>
    <definedName name="___V34" localSheetId="5">#REF!</definedName>
    <definedName name="___V34" localSheetId="6">#REF!</definedName>
    <definedName name="___V34" localSheetId="7">#REF!</definedName>
    <definedName name="___V34" localSheetId="8">#REF!</definedName>
    <definedName name="___V34" localSheetId="2">#REF!</definedName>
    <definedName name="___V34">#REF!</definedName>
    <definedName name="___V35" localSheetId="4">#REF!</definedName>
    <definedName name="___V35" localSheetId="5">#REF!</definedName>
    <definedName name="___V35" localSheetId="6">#REF!</definedName>
    <definedName name="___V35" localSheetId="7">#REF!</definedName>
    <definedName name="___V35" localSheetId="8">#REF!</definedName>
    <definedName name="___V35" localSheetId="2">#REF!</definedName>
    <definedName name="___V35">#REF!</definedName>
    <definedName name="___V36" localSheetId="4">#REF!</definedName>
    <definedName name="___V36" localSheetId="5">#REF!</definedName>
    <definedName name="___V36" localSheetId="6">#REF!</definedName>
    <definedName name="___V36" localSheetId="7">#REF!</definedName>
    <definedName name="___V36" localSheetId="8">#REF!</definedName>
    <definedName name="___V36" localSheetId="2">#REF!</definedName>
    <definedName name="___V36">#REF!</definedName>
    <definedName name="___V37" localSheetId="4">#REF!</definedName>
    <definedName name="___V37" localSheetId="5">#REF!</definedName>
    <definedName name="___V37" localSheetId="6">#REF!</definedName>
    <definedName name="___V37" localSheetId="7">#REF!</definedName>
    <definedName name="___V37" localSheetId="8">#REF!</definedName>
    <definedName name="___V37" localSheetId="2">#REF!</definedName>
    <definedName name="___V37">#REF!</definedName>
    <definedName name="___V38" localSheetId="4">#REF!</definedName>
    <definedName name="___V38" localSheetId="5">#REF!</definedName>
    <definedName name="___V38" localSheetId="6">#REF!</definedName>
    <definedName name="___V38" localSheetId="7">#REF!</definedName>
    <definedName name="___V38" localSheetId="8">#REF!</definedName>
    <definedName name="___V38" localSheetId="2">#REF!</definedName>
    <definedName name="___V38">#REF!</definedName>
    <definedName name="___V5" localSheetId="4">#REF!</definedName>
    <definedName name="___V5" localSheetId="5">#REF!</definedName>
    <definedName name="___V5" localSheetId="6">#REF!</definedName>
    <definedName name="___V5" localSheetId="7">#REF!</definedName>
    <definedName name="___V5" localSheetId="8">#REF!</definedName>
    <definedName name="___V5" localSheetId="2">#REF!</definedName>
    <definedName name="___V5">#REF!</definedName>
    <definedName name="___V6" localSheetId="4">#REF!</definedName>
    <definedName name="___V6" localSheetId="5">#REF!</definedName>
    <definedName name="___V6" localSheetId="6">#REF!</definedName>
    <definedName name="___V6" localSheetId="7">#REF!</definedName>
    <definedName name="___V6" localSheetId="8">#REF!</definedName>
    <definedName name="___V6" localSheetId="2">#REF!</definedName>
    <definedName name="___V6">#REF!</definedName>
    <definedName name="___V7" localSheetId="4">#REF!</definedName>
    <definedName name="___V7" localSheetId="5">#REF!</definedName>
    <definedName name="___V7" localSheetId="6">#REF!</definedName>
    <definedName name="___V7" localSheetId="7">#REF!</definedName>
    <definedName name="___V7" localSheetId="8">#REF!</definedName>
    <definedName name="___V7" localSheetId="2">#REF!</definedName>
    <definedName name="___V7">#REF!</definedName>
    <definedName name="___V8" localSheetId="4">#REF!</definedName>
    <definedName name="___V8" localSheetId="5">#REF!</definedName>
    <definedName name="___V8" localSheetId="6">#REF!</definedName>
    <definedName name="___V8" localSheetId="7">#REF!</definedName>
    <definedName name="___V8" localSheetId="8">#REF!</definedName>
    <definedName name="___V8" localSheetId="2">#REF!</definedName>
    <definedName name="___V8">#REF!</definedName>
    <definedName name="___V9" localSheetId="4">#REF!</definedName>
    <definedName name="___V9" localSheetId="5">#REF!</definedName>
    <definedName name="___V9" localSheetId="6">#REF!</definedName>
    <definedName name="___V9" localSheetId="7">#REF!</definedName>
    <definedName name="___V9" localSheetId="8">#REF!</definedName>
    <definedName name="___V9" localSheetId="2">#REF!</definedName>
    <definedName name="___V9">#REF!</definedName>
    <definedName name="__1" localSheetId="4">#REF!</definedName>
    <definedName name="__1" localSheetId="5">#REF!</definedName>
    <definedName name="__1" localSheetId="6">#REF!</definedName>
    <definedName name="__1" localSheetId="7">#REF!</definedName>
    <definedName name="__1" localSheetId="8">#REF!</definedName>
    <definedName name="__1" localSheetId="0">#REF!</definedName>
    <definedName name="__1" localSheetId="2">#REF!</definedName>
    <definedName name="__1">#REF!</definedName>
    <definedName name="__10" localSheetId="4">#REF!</definedName>
    <definedName name="__10" localSheetId="5">#REF!</definedName>
    <definedName name="__10" localSheetId="6">#REF!</definedName>
    <definedName name="__10" localSheetId="7">#REF!</definedName>
    <definedName name="__10" localSheetId="8">#REF!</definedName>
    <definedName name="__10" localSheetId="0">#REF!</definedName>
    <definedName name="__10" localSheetId="2">#REF!</definedName>
    <definedName name="__10">#REF!</definedName>
    <definedName name="__11" localSheetId="4">#REF!</definedName>
    <definedName name="__11" localSheetId="5">#REF!</definedName>
    <definedName name="__11" localSheetId="6">#REF!</definedName>
    <definedName name="__11" localSheetId="7">#REF!</definedName>
    <definedName name="__11" localSheetId="8">#REF!</definedName>
    <definedName name="__11" localSheetId="0">#REF!</definedName>
    <definedName name="__11" localSheetId="2">#REF!</definedName>
    <definedName name="__11">#REF!</definedName>
    <definedName name="__12" localSheetId="4">#REF!</definedName>
    <definedName name="__12" localSheetId="5">#REF!</definedName>
    <definedName name="__12" localSheetId="6">#REF!</definedName>
    <definedName name="__12" localSheetId="7">#REF!</definedName>
    <definedName name="__12" localSheetId="8">#REF!</definedName>
    <definedName name="__12" localSheetId="0">#REF!</definedName>
    <definedName name="__12" localSheetId="2">#REF!</definedName>
    <definedName name="__12">#REF!</definedName>
    <definedName name="__123Graph_A" localSheetId="4" hidden="1">[6]工程算出!#REF!</definedName>
    <definedName name="__123Graph_A" localSheetId="5" hidden="1">[6]工程算出!#REF!</definedName>
    <definedName name="__123Graph_A" localSheetId="6" hidden="1">[6]工程算出!#REF!</definedName>
    <definedName name="__123Graph_A" localSheetId="7" hidden="1">[6]工程算出!#REF!</definedName>
    <definedName name="__123Graph_A" localSheetId="8" hidden="1">[6]工程算出!#REF!</definedName>
    <definedName name="__123Graph_A" localSheetId="9" hidden="1">#REF!</definedName>
    <definedName name="__123Graph_A" localSheetId="2" hidden="1">[6]工程算出!#REF!</definedName>
    <definedName name="__123Graph_A" hidden="1">[6]工程算出!#REF!</definedName>
    <definedName name="__123Graph_A外装" localSheetId="4" hidden="1">[7]仮設躯体!#REF!</definedName>
    <definedName name="__123Graph_A外装" localSheetId="5" hidden="1">[7]仮設躯体!#REF!</definedName>
    <definedName name="__123Graph_A外装" localSheetId="6" hidden="1">[7]仮設躯体!#REF!</definedName>
    <definedName name="__123Graph_A外装" localSheetId="7" hidden="1">[7]仮設躯体!#REF!</definedName>
    <definedName name="__123Graph_A外装" localSheetId="8" hidden="1">[7]仮設躯体!#REF!</definedName>
    <definedName name="__123Graph_A外装" localSheetId="0" hidden="1">[7]仮設躯体!#REF!</definedName>
    <definedName name="__123Graph_A外装" localSheetId="2" hidden="1">[7]仮設躯体!#REF!</definedName>
    <definedName name="__123Graph_A外装" hidden="1">[7]仮設躯体!#REF!</definedName>
    <definedName name="__123Graph_A躯体" localSheetId="4" hidden="1">[7]仮設躯体!#REF!</definedName>
    <definedName name="__123Graph_A躯体" localSheetId="5" hidden="1">[7]仮設躯体!#REF!</definedName>
    <definedName name="__123Graph_A躯体" localSheetId="6" hidden="1">[7]仮設躯体!#REF!</definedName>
    <definedName name="__123Graph_A躯体" localSheetId="7" hidden="1">[7]仮設躯体!#REF!</definedName>
    <definedName name="__123Graph_A躯体" localSheetId="8" hidden="1">[7]仮設躯体!#REF!</definedName>
    <definedName name="__123Graph_A躯体" localSheetId="0" hidden="1">[7]仮設躯体!#REF!</definedName>
    <definedName name="__123Graph_A躯体" localSheetId="2" hidden="1">[7]仮設躯体!#REF!</definedName>
    <definedName name="__123Graph_A躯体" hidden="1">[7]仮設躯体!#REF!</definedName>
    <definedName name="__123Graph_A建築" localSheetId="4" hidden="1">[7]仮設躯体!#REF!</definedName>
    <definedName name="__123Graph_A建築" localSheetId="5" hidden="1">[7]仮設躯体!#REF!</definedName>
    <definedName name="__123Graph_A建築" localSheetId="6" hidden="1">[7]仮設躯体!#REF!</definedName>
    <definedName name="__123Graph_A建築" localSheetId="7" hidden="1">[7]仮設躯体!#REF!</definedName>
    <definedName name="__123Graph_A建築" localSheetId="8" hidden="1">[7]仮設躯体!#REF!</definedName>
    <definedName name="__123Graph_A建築" localSheetId="0" hidden="1">[7]仮設躯体!#REF!</definedName>
    <definedName name="__123Graph_A建築" localSheetId="2" hidden="1">[7]仮設躯体!#REF!</definedName>
    <definedName name="__123Graph_A建築" hidden="1">[7]仮設躯体!#REF!</definedName>
    <definedName name="__123Graph_A室内" localSheetId="4" hidden="1">[7]仮設躯体!#REF!</definedName>
    <definedName name="__123Graph_A室内" localSheetId="5" hidden="1">[7]仮設躯体!#REF!</definedName>
    <definedName name="__123Graph_A室内" localSheetId="6" hidden="1">[7]仮設躯体!#REF!</definedName>
    <definedName name="__123Graph_A室内" localSheetId="7" hidden="1">[7]仮設躯体!#REF!</definedName>
    <definedName name="__123Graph_A室内" localSheetId="8" hidden="1">[7]仮設躯体!#REF!</definedName>
    <definedName name="__123Graph_A室内" localSheetId="0" hidden="1">[7]仮設躯体!#REF!</definedName>
    <definedName name="__123Graph_A室内" localSheetId="2" hidden="1">[7]仮設躯体!#REF!</definedName>
    <definedName name="__123Graph_A室内" hidden="1">[7]仮設躯体!#REF!</definedName>
    <definedName name="__123Graph_A土工" localSheetId="4" hidden="1">[7]仮設躯体!#REF!</definedName>
    <definedName name="__123Graph_A土工" localSheetId="5" hidden="1">[7]仮設躯体!#REF!</definedName>
    <definedName name="__123Graph_A土工" localSheetId="6" hidden="1">[7]仮設躯体!#REF!</definedName>
    <definedName name="__123Graph_A土工" localSheetId="7" hidden="1">[7]仮設躯体!#REF!</definedName>
    <definedName name="__123Graph_A土工" localSheetId="8" hidden="1">[7]仮設躯体!#REF!</definedName>
    <definedName name="__123Graph_A土工" localSheetId="0" hidden="1">[7]仮設躯体!#REF!</definedName>
    <definedName name="__123Graph_A土工" localSheetId="2" hidden="1">[7]仮設躯体!#REF!</definedName>
    <definedName name="__123Graph_A土工" hidden="1">[7]仮設躯体!#REF!</definedName>
    <definedName name="__123Graph_A内装" localSheetId="4" hidden="1">[7]仮設躯体!#REF!</definedName>
    <definedName name="__123Graph_A内装" localSheetId="5" hidden="1">[7]仮設躯体!#REF!</definedName>
    <definedName name="__123Graph_A内装" localSheetId="6" hidden="1">[7]仮設躯体!#REF!</definedName>
    <definedName name="__123Graph_A内装" localSheetId="7" hidden="1">[7]仮設躯体!#REF!</definedName>
    <definedName name="__123Graph_A内装" localSheetId="8" hidden="1">[7]仮設躯体!#REF!</definedName>
    <definedName name="__123Graph_A内装" localSheetId="0" hidden="1">[7]仮設躯体!#REF!</definedName>
    <definedName name="__123Graph_A内装" localSheetId="2" hidden="1">[7]仮設躯体!#REF!</definedName>
    <definedName name="__123Graph_A内装" hidden="1">[7]仮設躯体!#REF!</definedName>
    <definedName name="__123Graph_B" localSheetId="4" hidden="1">#REF!</definedName>
    <definedName name="__123Graph_B" localSheetId="5" hidden="1">#REF!</definedName>
    <definedName name="__123Graph_B" localSheetId="6" hidden="1">#REF!</definedName>
    <definedName name="__123Graph_B" localSheetId="7" hidden="1">#REF!</definedName>
    <definedName name="__123Graph_B" localSheetId="8" hidden="1">#REF!</definedName>
    <definedName name="__123Graph_B" localSheetId="9" hidden="1">#REF!</definedName>
    <definedName name="__123Graph_B" localSheetId="2" hidden="1">#REF!</definedName>
    <definedName name="__123Graph_B" hidden="1">#REF!</definedName>
    <definedName name="__123Graph_LBL_A" localSheetId="4" hidden="1">[6]工程算出!#REF!</definedName>
    <definedName name="__123Graph_LBL_A" localSheetId="5" hidden="1">[6]工程算出!#REF!</definedName>
    <definedName name="__123Graph_LBL_A" localSheetId="6" hidden="1">[6]工程算出!#REF!</definedName>
    <definedName name="__123Graph_LBL_A" localSheetId="7" hidden="1">[6]工程算出!#REF!</definedName>
    <definedName name="__123Graph_LBL_A" localSheetId="8" hidden="1">[6]工程算出!#REF!</definedName>
    <definedName name="__123Graph_LBL_A" localSheetId="9" hidden="1">[8]工程算出!#REF!</definedName>
    <definedName name="__123Graph_LBL_A" localSheetId="2" hidden="1">[6]工程算出!#REF!</definedName>
    <definedName name="__123Graph_LBL_A" hidden="1">[6]工程算出!#REF!</definedName>
    <definedName name="__123Graph_X" localSheetId="4" hidden="1">[6]工程算出!#REF!</definedName>
    <definedName name="__123Graph_X" localSheetId="5" hidden="1">[6]工程算出!#REF!</definedName>
    <definedName name="__123Graph_X" localSheetId="6" hidden="1">[6]工程算出!#REF!</definedName>
    <definedName name="__123Graph_X" localSheetId="7" hidden="1">[6]工程算出!#REF!</definedName>
    <definedName name="__123Graph_X" localSheetId="8" hidden="1">[6]工程算出!#REF!</definedName>
    <definedName name="__123Graph_X" localSheetId="9" hidden="1">[8]工程算出!#REF!</definedName>
    <definedName name="__123Graph_X" localSheetId="2" hidden="1">[6]工程算出!#REF!</definedName>
    <definedName name="__123Graph_X" hidden="1">[6]工程算出!#REF!</definedName>
    <definedName name="__123Graph_X外装" localSheetId="4" hidden="1">[7]仮設躯体!#REF!</definedName>
    <definedName name="__123Graph_X外装" localSheetId="5" hidden="1">[7]仮設躯体!#REF!</definedName>
    <definedName name="__123Graph_X外装" localSheetId="6" hidden="1">[7]仮設躯体!#REF!</definedName>
    <definedName name="__123Graph_X外装" localSheetId="7" hidden="1">[7]仮設躯体!#REF!</definedName>
    <definedName name="__123Graph_X外装" localSheetId="8" hidden="1">[7]仮設躯体!#REF!</definedName>
    <definedName name="__123Graph_X外装" localSheetId="0" hidden="1">[7]仮設躯体!#REF!</definedName>
    <definedName name="__123Graph_X外装" localSheetId="2" hidden="1">[7]仮設躯体!#REF!</definedName>
    <definedName name="__123Graph_X外装" hidden="1">[7]仮設躯体!#REF!</definedName>
    <definedName name="__123Graph_X躯体" localSheetId="4" hidden="1">[7]仮設躯体!#REF!</definedName>
    <definedName name="__123Graph_X躯体" localSheetId="5" hidden="1">[7]仮設躯体!#REF!</definedName>
    <definedName name="__123Graph_X躯体" localSheetId="6" hidden="1">[7]仮設躯体!#REF!</definedName>
    <definedName name="__123Graph_X躯体" localSheetId="7" hidden="1">[7]仮設躯体!#REF!</definedName>
    <definedName name="__123Graph_X躯体" localSheetId="8" hidden="1">[7]仮設躯体!#REF!</definedName>
    <definedName name="__123Graph_X躯体" localSheetId="0" hidden="1">[7]仮設躯体!#REF!</definedName>
    <definedName name="__123Graph_X躯体" localSheetId="2" hidden="1">[7]仮設躯体!#REF!</definedName>
    <definedName name="__123Graph_X躯体" hidden="1">[7]仮設躯体!#REF!</definedName>
    <definedName name="__123Graph_X建築" localSheetId="4" hidden="1">[7]仮設躯体!#REF!</definedName>
    <definedName name="__123Graph_X建築" localSheetId="5" hidden="1">[7]仮設躯体!#REF!</definedName>
    <definedName name="__123Graph_X建築" localSheetId="6" hidden="1">[7]仮設躯体!#REF!</definedName>
    <definedName name="__123Graph_X建築" localSheetId="7" hidden="1">[7]仮設躯体!#REF!</definedName>
    <definedName name="__123Graph_X建築" localSheetId="8" hidden="1">[7]仮設躯体!#REF!</definedName>
    <definedName name="__123Graph_X建築" localSheetId="0" hidden="1">[7]仮設躯体!#REF!</definedName>
    <definedName name="__123Graph_X建築" localSheetId="2" hidden="1">[7]仮設躯体!#REF!</definedName>
    <definedName name="__123Graph_X建築" hidden="1">[7]仮設躯体!#REF!</definedName>
    <definedName name="__123Graph_X室内" localSheetId="4" hidden="1">[7]仮設躯体!#REF!</definedName>
    <definedName name="__123Graph_X室内" localSheetId="5" hidden="1">[7]仮設躯体!#REF!</definedName>
    <definedName name="__123Graph_X室内" localSheetId="6" hidden="1">[7]仮設躯体!#REF!</definedName>
    <definedName name="__123Graph_X室内" localSheetId="7" hidden="1">[7]仮設躯体!#REF!</definedName>
    <definedName name="__123Graph_X室内" localSheetId="8" hidden="1">[7]仮設躯体!#REF!</definedName>
    <definedName name="__123Graph_X室内" localSheetId="0" hidden="1">[7]仮設躯体!#REF!</definedName>
    <definedName name="__123Graph_X室内" localSheetId="2" hidden="1">[7]仮設躯体!#REF!</definedName>
    <definedName name="__123Graph_X室内" hidden="1">[7]仮設躯体!#REF!</definedName>
    <definedName name="__123Graph_X土工" localSheetId="4" hidden="1">[7]仮設躯体!#REF!</definedName>
    <definedName name="__123Graph_X土工" localSheetId="5" hidden="1">[7]仮設躯体!#REF!</definedName>
    <definedName name="__123Graph_X土工" localSheetId="6" hidden="1">[7]仮設躯体!#REF!</definedName>
    <definedName name="__123Graph_X土工" localSheetId="7" hidden="1">[7]仮設躯体!#REF!</definedName>
    <definedName name="__123Graph_X土工" localSheetId="8" hidden="1">[7]仮設躯体!#REF!</definedName>
    <definedName name="__123Graph_X土工" localSheetId="0" hidden="1">[7]仮設躯体!#REF!</definedName>
    <definedName name="__123Graph_X土工" localSheetId="2" hidden="1">[7]仮設躯体!#REF!</definedName>
    <definedName name="__123Graph_X土工" hidden="1">[7]仮設躯体!#REF!</definedName>
    <definedName name="__123Graph_X内装" localSheetId="4" hidden="1">[7]仮設躯体!#REF!</definedName>
    <definedName name="__123Graph_X内装" localSheetId="5" hidden="1">[7]仮設躯体!#REF!</definedName>
    <definedName name="__123Graph_X内装" localSheetId="6" hidden="1">[7]仮設躯体!#REF!</definedName>
    <definedName name="__123Graph_X内装" localSheetId="7" hidden="1">[7]仮設躯体!#REF!</definedName>
    <definedName name="__123Graph_X内装" localSheetId="8" hidden="1">[7]仮設躯体!#REF!</definedName>
    <definedName name="__123Graph_X内装" localSheetId="0" hidden="1">[7]仮設躯体!#REF!</definedName>
    <definedName name="__123Graph_X内装" localSheetId="2" hidden="1">[7]仮設躯体!#REF!</definedName>
    <definedName name="__123Graph_X内装" hidden="1">[7]仮設躯体!#REF!</definedName>
    <definedName name="__2" localSheetId="4">#REF!</definedName>
    <definedName name="__2" localSheetId="5">#REF!</definedName>
    <definedName name="__2" localSheetId="6">#REF!</definedName>
    <definedName name="__2" localSheetId="7">#REF!</definedName>
    <definedName name="__2" localSheetId="8">#REF!</definedName>
    <definedName name="__2" localSheetId="0">#REF!</definedName>
    <definedName name="__2" localSheetId="2">#REF!</definedName>
    <definedName name="__2">#REF!</definedName>
    <definedName name="__3" localSheetId="4">#REF!</definedName>
    <definedName name="__3" localSheetId="5">#REF!</definedName>
    <definedName name="__3" localSheetId="6">#REF!</definedName>
    <definedName name="__3" localSheetId="7">#REF!</definedName>
    <definedName name="__3" localSheetId="8">#REF!</definedName>
    <definedName name="__3" localSheetId="0">#REF!</definedName>
    <definedName name="__3" localSheetId="2">#REF!</definedName>
    <definedName name="__3">#REF!</definedName>
    <definedName name="__4" localSheetId="4">#REF!</definedName>
    <definedName name="__4" localSheetId="5">#REF!</definedName>
    <definedName name="__4" localSheetId="6">#REF!</definedName>
    <definedName name="__4" localSheetId="7">#REF!</definedName>
    <definedName name="__4" localSheetId="8">#REF!</definedName>
    <definedName name="__4" localSheetId="0">#REF!</definedName>
    <definedName name="__4" localSheetId="2">#REF!</definedName>
    <definedName name="__4">#REF!</definedName>
    <definedName name="__5" localSheetId="4">#REF!</definedName>
    <definedName name="__5" localSheetId="5">#REF!</definedName>
    <definedName name="__5" localSheetId="6">#REF!</definedName>
    <definedName name="__5" localSheetId="7">#REF!</definedName>
    <definedName name="__5" localSheetId="8">#REF!</definedName>
    <definedName name="__5" localSheetId="0">#REF!</definedName>
    <definedName name="__5" localSheetId="2">#REF!</definedName>
    <definedName name="__5">#REF!</definedName>
    <definedName name="__6" localSheetId="4">#REF!</definedName>
    <definedName name="__6" localSheetId="5">#REF!</definedName>
    <definedName name="__6" localSheetId="6">#REF!</definedName>
    <definedName name="__6" localSheetId="7">#REF!</definedName>
    <definedName name="__6" localSheetId="8">#REF!</definedName>
    <definedName name="__6" localSheetId="0">#REF!</definedName>
    <definedName name="__6" localSheetId="2">#REF!</definedName>
    <definedName name="__6">#REF!</definedName>
    <definedName name="__7" localSheetId="4">#REF!</definedName>
    <definedName name="__7" localSheetId="5">#REF!</definedName>
    <definedName name="__7" localSheetId="6">#REF!</definedName>
    <definedName name="__7" localSheetId="7">#REF!</definedName>
    <definedName name="__7" localSheetId="8">#REF!</definedName>
    <definedName name="__7" localSheetId="0">#REF!</definedName>
    <definedName name="__7" localSheetId="2">#REF!</definedName>
    <definedName name="__7">#REF!</definedName>
    <definedName name="__8" localSheetId="4">#REF!</definedName>
    <definedName name="__8" localSheetId="5">#REF!</definedName>
    <definedName name="__8" localSheetId="6">#REF!</definedName>
    <definedName name="__8" localSheetId="7">#REF!</definedName>
    <definedName name="__8" localSheetId="8">#REF!</definedName>
    <definedName name="__8" localSheetId="0">#REF!</definedName>
    <definedName name="__8" localSheetId="2">#REF!</definedName>
    <definedName name="__8">#REF!</definedName>
    <definedName name="__9" localSheetId="4">#REF!</definedName>
    <definedName name="__9" localSheetId="5">#REF!</definedName>
    <definedName name="__9" localSheetId="6">#REF!</definedName>
    <definedName name="__9" localSheetId="7">#REF!</definedName>
    <definedName name="__9" localSheetId="8">#REF!</definedName>
    <definedName name="__9" localSheetId="0">#REF!</definedName>
    <definedName name="__9" localSheetId="2">#REF!</definedName>
    <definedName name="__9">#REF!</definedName>
    <definedName name="__A1" localSheetId="4">#REF!</definedName>
    <definedName name="__A1" localSheetId="5">#REF!</definedName>
    <definedName name="__A1" localSheetId="6">#REF!</definedName>
    <definedName name="__A1" localSheetId="7">#REF!</definedName>
    <definedName name="__A1" localSheetId="8">#REF!</definedName>
    <definedName name="__A1" localSheetId="2">#REF!</definedName>
    <definedName name="__A1">#REF!</definedName>
    <definedName name="__ｂ９" localSheetId="4">#REF!</definedName>
    <definedName name="__ｂ９" localSheetId="5">#REF!</definedName>
    <definedName name="__ｂ９" localSheetId="6">#REF!</definedName>
    <definedName name="__ｂ９" localSheetId="7">#REF!</definedName>
    <definedName name="__ｂ９" localSheetId="8">#REF!</definedName>
    <definedName name="__ｂ９" localSheetId="2">#REF!</definedName>
    <definedName name="__ｂ９">#REF!</definedName>
    <definedName name="__BOX01" localSheetId="4">#REF!</definedName>
    <definedName name="__BOX01" localSheetId="5">#REF!</definedName>
    <definedName name="__BOX01" localSheetId="6">#REF!</definedName>
    <definedName name="__BOX01" localSheetId="7">#REF!</definedName>
    <definedName name="__BOX01" localSheetId="8">#REF!</definedName>
    <definedName name="__BOX01" localSheetId="2">#REF!</definedName>
    <definedName name="__BOX01">#REF!</definedName>
    <definedName name="__BOX02" localSheetId="4">#REF!</definedName>
    <definedName name="__BOX02" localSheetId="5">#REF!</definedName>
    <definedName name="__BOX02" localSheetId="6">#REF!</definedName>
    <definedName name="__BOX02" localSheetId="7">#REF!</definedName>
    <definedName name="__BOX02" localSheetId="8">#REF!</definedName>
    <definedName name="__BOX02" localSheetId="2">#REF!</definedName>
    <definedName name="__BOX02">#REF!</definedName>
    <definedName name="__BOX03" localSheetId="4">#REF!</definedName>
    <definedName name="__BOX03" localSheetId="5">#REF!</definedName>
    <definedName name="__BOX03" localSheetId="6">#REF!</definedName>
    <definedName name="__BOX03" localSheetId="7">#REF!</definedName>
    <definedName name="__BOX03" localSheetId="8">#REF!</definedName>
    <definedName name="__BOX03" localSheetId="2">#REF!</definedName>
    <definedName name="__BOX03">#REF!</definedName>
    <definedName name="__BUN2">[4]歩・屋!$E$5:$T$16</definedName>
    <definedName name="__d2" localSheetId="4">[1]!ピクチャ5_Click</definedName>
    <definedName name="__d2" localSheetId="5">[1]!ピクチャ5_Click</definedName>
    <definedName name="__d2" localSheetId="6">[1]!ピクチャ5_Click</definedName>
    <definedName name="__d2" localSheetId="7">[1]!ピクチャ5_Click</definedName>
    <definedName name="__d2" localSheetId="8">[1]!ピクチャ5_Click</definedName>
    <definedName name="__d2" localSheetId="2">[1]!ピクチャ5_Click</definedName>
    <definedName name="__d2">[1]!ピクチャ5_Click</definedName>
    <definedName name="__N10" localSheetId="4">#REF!</definedName>
    <definedName name="__N10" localSheetId="5">#REF!</definedName>
    <definedName name="__N10" localSheetId="6">#REF!</definedName>
    <definedName name="__N10" localSheetId="7">#REF!</definedName>
    <definedName name="__N10" localSheetId="8">#REF!</definedName>
    <definedName name="__N10" localSheetId="9">#REF!</definedName>
    <definedName name="__N10" localSheetId="2">#REF!</definedName>
    <definedName name="__N10">#REF!</definedName>
    <definedName name="__N11" localSheetId="4">#REF!</definedName>
    <definedName name="__N11" localSheetId="5">#REF!</definedName>
    <definedName name="__N11" localSheetId="6">#REF!</definedName>
    <definedName name="__N11" localSheetId="7">#REF!</definedName>
    <definedName name="__N11" localSheetId="8">#REF!</definedName>
    <definedName name="__N11" localSheetId="2">#REF!</definedName>
    <definedName name="__N11">#REF!</definedName>
    <definedName name="__N12" localSheetId="4">#REF!</definedName>
    <definedName name="__N12" localSheetId="5">#REF!</definedName>
    <definedName name="__N12" localSheetId="6">#REF!</definedName>
    <definedName name="__N12" localSheetId="7">#REF!</definedName>
    <definedName name="__N12" localSheetId="8">#REF!</definedName>
    <definedName name="__N12" localSheetId="2">#REF!</definedName>
    <definedName name="__N12">#REF!</definedName>
    <definedName name="__N13" localSheetId="4">#REF!</definedName>
    <definedName name="__N13" localSheetId="5">#REF!</definedName>
    <definedName name="__N13" localSheetId="6">#REF!</definedName>
    <definedName name="__N13" localSheetId="7">#REF!</definedName>
    <definedName name="__N13" localSheetId="8">#REF!</definedName>
    <definedName name="__N13" localSheetId="2">#REF!</definedName>
    <definedName name="__N13">#REF!</definedName>
    <definedName name="__N14" localSheetId="4">#REF!</definedName>
    <definedName name="__N14" localSheetId="5">#REF!</definedName>
    <definedName name="__N14" localSheetId="6">#REF!</definedName>
    <definedName name="__N14" localSheetId="7">#REF!</definedName>
    <definedName name="__N14" localSheetId="8">#REF!</definedName>
    <definedName name="__N14" localSheetId="2">#REF!</definedName>
    <definedName name="__N14">#REF!</definedName>
    <definedName name="__N15" localSheetId="4">#REF!</definedName>
    <definedName name="__N15" localSheetId="5">#REF!</definedName>
    <definedName name="__N15" localSheetId="6">#REF!</definedName>
    <definedName name="__N15" localSheetId="7">#REF!</definedName>
    <definedName name="__N15" localSheetId="8">#REF!</definedName>
    <definedName name="__N15" localSheetId="2">#REF!</definedName>
    <definedName name="__N15">#REF!</definedName>
    <definedName name="__N16" localSheetId="4">#REF!</definedName>
    <definedName name="__N16" localSheetId="5">#REF!</definedName>
    <definedName name="__N16" localSheetId="6">#REF!</definedName>
    <definedName name="__N16" localSheetId="7">#REF!</definedName>
    <definedName name="__N16" localSheetId="8">#REF!</definedName>
    <definedName name="__N16" localSheetId="2">#REF!</definedName>
    <definedName name="__N16">#REF!</definedName>
    <definedName name="__N17" localSheetId="4">#REF!</definedName>
    <definedName name="__N17" localSheetId="5">#REF!</definedName>
    <definedName name="__N17" localSheetId="6">#REF!</definedName>
    <definedName name="__N17" localSheetId="7">#REF!</definedName>
    <definedName name="__N17" localSheetId="8">#REF!</definedName>
    <definedName name="__N17" localSheetId="2">#REF!</definedName>
    <definedName name="__N17">#REF!</definedName>
    <definedName name="__N18" localSheetId="4">#REF!</definedName>
    <definedName name="__N18" localSheetId="5">#REF!</definedName>
    <definedName name="__N18" localSheetId="6">#REF!</definedName>
    <definedName name="__N18" localSheetId="7">#REF!</definedName>
    <definedName name="__N18" localSheetId="8">#REF!</definedName>
    <definedName name="__N18" localSheetId="2">#REF!</definedName>
    <definedName name="__N18">#REF!</definedName>
    <definedName name="__N19" localSheetId="4">#REF!</definedName>
    <definedName name="__N19" localSheetId="5">#REF!</definedName>
    <definedName name="__N19" localSheetId="6">#REF!</definedName>
    <definedName name="__N19" localSheetId="7">#REF!</definedName>
    <definedName name="__N19" localSheetId="8">#REF!</definedName>
    <definedName name="__N19" localSheetId="2">#REF!</definedName>
    <definedName name="__N19">#REF!</definedName>
    <definedName name="__N20" localSheetId="4">#REF!</definedName>
    <definedName name="__N20" localSheetId="5">#REF!</definedName>
    <definedName name="__N20" localSheetId="6">#REF!</definedName>
    <definedName name="__N20" localSheetId="7">#REF!</definedName>
    <definedName name="__N20" localSheetId="8">#REF!</definedName>
    <definedName name="__N20" localSheetId="2">#REF!</definedName>
    <definedName name="__N20">#REF!</definedName>
    <definedName name="__N21" localSheetId="4">#REF!</definedName>
    <definedName name="__N21" localSheetId="5">#REF!</definedName>
    <definedName name="__N21" localSheetId="6">#REF!</definedName>
    <definedName name="__N21" localSheetId="7">#REF!</definedName>
    <definedName name="__N21" localSheetId="8">#REF!</definedName>
    <definedName name="__N21" localSheetId="2">#REF!</definedName>
    <definedName name="__N21">#REF!</definedName>
    <definedName name="__N22" localSheetId="4">#REF!</definedName>
    <definedName name="__N22" localSheetId="5">#REF!</definedName>
    <definedName name="__N22" localSheetId="6">#REF!</definedName>
    <definedName name="__N22" localSheetId="7">#REF!</definedName>
    <definedName name="__N22" localSheetId="8">#REF!</definedName>
    <definedName name="__N22" localSheetId="2">#REF!</definedName>
    <definedName name="__N22">#REF!</definedName>
    <definedName name="__N23" localSheetId="4">#REF!</definedName>
    <definedName name="__N23" localSheetId="5">#REF!</definedName>
    <definedName name="__N23" localSheetId="6">#REF!</definedName>
    <definedName name="__N23" localSheetId="7">#REF!</definedName>
    <definedName name="__N23" localSheetId="8">#REF!</definedName>
    <definedName name="__N23" localSheetId="2">#REF!</definedName>
    <definedName name="__N23">#REF!</definedName>
    <definedName name="__N24" localSheetId="4">#REF!</definedName>
    <definedName name="__N24" localSheetId="5">#REF!</definedName>
    <definedName name="__N24" localSheetId="6">#REF!</definedName>
    <definedName name="__N24" localSheetId="7">#REF!</definedName>
    <definedName name="__N24" localSheetId="8">#REF!</definedName>
    <definedName name="__N24" localSheetId="2">#REF!</definedName>
    <definedName name="__N24">#REF!</definedName>
    <definedName name="__N25" localSheetId="4">#REF!</definedName>
    <definedName name="__N25" localSheetId="5">#REF!</definedName>
    <definedName name="__N25" localSheetId="6">#REF!</definedName>
    <definedName name="__N25" localSheetId="7">#REF!</definedName>
    <definedName name="__N25" localSheetId="8">#REF!</definedName>
    <definedName name="__N25" localSheetId="2">#REF!</definedName>
    <definedName name="__N25">#REF!</definedName>
    <definedName name="__N26" localSheetId="4">#REF!</definedName>
    <definedName name="__N26" localSheetId="5">#REF!</definedName>
    <definedName name="__N26" localSheetId="6">#REF!</definedName>
    <definedName name="__N26" localSheetId="7">#REF!</definedName>
    <definedName name="__N26" localSheetId="8">#REF!</definedName>
    <definedName name="__N26" localSheetId="2">#REF!</definedName>
    <definedName name="__N26">#REF!</definedName>
    <definedName name="__N27" localSheetId="4">#REF!</definedName>
    <definedName name="__N27" localSheetId="5">#REF!</definedName>
    <definedName name="__N27" localSheetId="6">#REF!</definedName>
    <definedName name="__N27" localSheetId="7">#REF!</definedName>
    <definedName name="__N27" localSheetId="8">#REF!</definedName>
    <definedName name="__N27" localSheetId="2">#REF!</definedName>
    <definedName name="__N27">#REF!</definedName>
    <definedName name="__N28" localSheetId="4">#REF!</definedName>
    <definedName name="__N28" localSheetId="5">#REF!</definedName>
    <definedName name="__N28" localSheetId="6">#REF!</definedName>
    <definedName name="__N28" localSheetId="7">#REF!</definedName>
    <definedName name="__N28" localSheetId="8">#REF!</definedName>
    <definedName name="__N28" localSheetId="2">#REF!</definedName>
    <definedName name="__N28">#REF!</definedName>
    <definedName name="__N29" localSheetId="4">#REF!</definedName>
    <definedName name="__N29" localSheetId="5">#REF!</definedName>
    <definedName name="__N29" localSheetId="6">#REF!</definedName>
    <definedName name="__N29" localSheetId="7">#REF!</definedName>
    <definedName name="__N29" localSheetId="8">#REF!</definedName>
    <definedName name="__N29" localSheetId="2">#REF!</definedName>
    <definedName name="__N29">#REF!</definedName>
    <definedName name="__N30" localSheetId="4">#REF!</definedName>
    <definedName name="__N30" localSheetId="5">#REF!</definedName>
    <definedName name="__N30" localSheetId="6">#REF!</definedName>
    <definedName name="__N30" localSheetId="7">#REF!</definedName>
    <definedName name="__N30" localSheetId="8">#REF!</definedName>
    <definedName name="__N30" localSheetId="2">#REF!</definedName>
    <definedName name="__N30">#REF!</definedName>
    <definedName name="__N31" localSheetId="4">#REF!</definedName>
    <definedName name="__N31" localSheetId="5">#REF!</definedName>
    <definedName name="__N31" localSheetId="6">#REF!</definedName>
    <definedName name="__N31" localSheetId="7">#REF!</definedName>
    <definedName name="__N31" localSheetId="8">#REF!</definedName>
    <definedName name="__N31" localSheetId="2">#REF!</definedName>
    <definedName name="__N31">#REF!</definedName>
    <definedName name="__N32" localSheetId="4">#REF!</definedName>
    <definedName name="__N32" localSheetId="5">#REF!</definedName>
    <definedName name="__N32" localSheetId="6">#REF!</definedName>
    <definedName name="__N32" localSheetId="7">#REF!</definedName>
    <definedName name="__N32" localSheetId="8">#REF!</definedName>
    <definedName name="__N32" localSheetId="2">#REF!</definedName>
    <definedName name="__N32">#REF!</definedName>
    <definedName name="__N33" localSheetId="4">#REF!</definedName>
    <definedName name="__N33" localSheetId="5">#REF!</definedName>
    <definedName name="__N33" localSheetId="6">#REF!</definedName>
    <definedName name="__N33" localSheetId="7">#REF!</definedName>
    <definedName name="__N33" localSheetId="8">#REF!</definedName>
    <definedName name="__N33" localSheetId="2">#REF!</definedName>
    <definedName name="__N33">#REF!</definedName>
    <definedName name="__N34" localSheetId="4">#REF!</definedName>
    <definedName name="__N34" localSheetId="5">#REF!</definedName>
    <definedName name="__N34" localSheetId="6">#REF!</definedName>
    <definedName name="__N34" localSheetId="7">#REF!</definedName>
    <definedName name="__N34" localSheetId="8">#REF!</definedName>
    <definedName name="__N34" localSheetId="2">#REF!</definedName>
    <definedName name="__N34">#REF!</definedName>
    <definedName name="__N5" localSheetId="4">#REF!</definedName>
    <definedName name="__N5" localSheetId="5">#REF!</definedName>
    <definedName name="__N5" localSheetId="6">#REF!</definedName>
    <definedName name="__N5" localSheetId="7">#REF!</definedName>
    <definedName name="__N5" localSheetId="8">#REF!</definedName>
    <definedName name="__N5" localSheetId="2">#REF!</definedName>
    <definedName name="__N5">#REF!</definedName>
    <definedName name="__N6" localSheetId="4">#REF!</definedName>
    <definedName name="__N6" localSheetId="5">#REF!</definedName>
    <definedName name="__N6" localSheetId="6">#REF!</definedName>
    <definedName name="__N6" localSheetId="7">#REF!</definedName>
    <definedName name="__N6" localSheetId="8">#REF!</definedName>
    <definedName name="__N6" localSheetId="2">#REF!</definedName>
    <definedName name="__N6">#REF!</definedName>
    <definedName name="__N7" localSheetId="4">#REF!</definedName>
    <definedName name="__N7" localSheetId="5">#REF!</definedName>
    <definedName name="__N7" localSheetId="6">#REF!</definedName>
    <definedName name="__N7" localSheetId="7">#REF!</definedName>
    <definedName name="__N7" localSheetId="8">#REF!</definedName>
    <definedName name="__N7" localSheetId="2">#REF!</definedName>
    <definedName name="__N7">#REF!</definedName>
    <definedName name="__N8" localSheetId="4">#REF!</definedName>
    <definedName name="__N8" localSheetId="5">#REF!</definedName>
    <definedName name="__N8" localSheetId="6">#REF!</definedName>
    <definedName name="__N8" localSheetId="7">#REF!</definedName>
    <definedName name="__N8" localSheetId="8">#REF!</definedName>
    <definedName name="__N8" localSheetId="2">#REF!</definedName>
    <definedName name="__N8">#REF!</definedName>
    <definedName name="__N9" localSheetId="4">#REF!</definedName>
    <definedName name="__N9" localSheetId="5">#REF!</definedName>
    <definedName name="__N9" localSheetId="6">#REF!</definedName>
    <definedName name="__N9" localSheetId="7">#REF!</definedName>
    <definedName name="__N9" localSheetId="8">#REF!</definedName>
    <definedName name="__N9" localSheetId="2">#REF!</definedName>
    <definedName name="__N9">#REF!</definedName>
    <definedName name="__RE2" localSheetId="4">#REF!</definedName>
    <definedName name="__RE2" localSheetId="5">#REF!</definedName>
    <definedName name="__RE2" localSheetId="6">#REF!</definedName>
    <definedName name="__RE2" localSheetId="7">#REF!</definedName>
    <definedName name="__RE2" localSheetId="8">#REF!</definedName>
    <definedName name="__RE2" localSheetId="2">#REF!</definedName>
    <definedName name="__RE2">#REF!</definedName>
    <definedName name="__SON1" localSheetId="4">#REF!</definedName>
    <definedName name="__SON1" localSheetId="5">#REF!</definedName>
    <definedName name="__SON1" localSheetId="6">#REF!</definedName>
    <definedName name="__SON1" localSheetId="7">#REF!</definedName>
    <definedName name="__SON1" localSheetId="8">#REF!</definedName>
    <definedName name="__SON1" localSheetId="2">#REF!</definedName>
    <definedName name="__SON1">#REF!</definedName>
    <definedName name="__son2" localSheetId="4">#REF!</definedName>
    <definedName name="__son2" localSheetId="5">#REF!</definedName>
    <definedName name="__son2" localSheetId="6">#REF!</definedName>
    <definedName name="__son2" localSheetId="7">#REF!</definedName>
    <definedName name="__son2" localSheetId="8">#REF!</definedName>
    <definedName name="__son2" localSheetId="2">#REF!</definedName>
    <definedName name="__son2">#REF!</definedName>
    <definedName name="__SON3" localSheetId="4">#REF!</definedName>
    <definedName name="__SON3" localSheetId="5">#REF!</definedName>
    <definedName name="__SON3" localSheetId="6">#REF!</definedName>
    <definedName name="__SON3" localSheetId="7">#REF!</definedName>
    <definedName name="__SON3" localSheetId="8">#REF!</definedName>
    <definedName name="__SON3" localSheetId="2">#REF!</definedName>
    <definedName name="__SON3">#REF!</definedName>
    <definedName name="__SUB2" localSheetId="4">#REF!</definedName>
    <definedName name="__SUB2" localSheetId="5">#REF!</definedName>
    <definedName name="__SUB2" localSheetId="6">#REF!</definedName>
    <definedName name="__SUB2" localSheetId="7">#REF!</definedName>
    <definedName name="__SUB2" localSheetId="8">#REF!</definedName>
    <definedName name="__SUB2" localSheetId="2">#REF!</definedName>
    <definedName name="__SUB2">#REF!</definedName>
    <definedName name="__SUB3" localSheetId="4">#REF!</definedName>
    <definedName name="__SUB3" localSheetId="5">#REF!</definedName>
    <definedName name="__SUB3" localSheetId="6">#REF!</definedName>
    <definedName name="__SUB3" localSheetId="7">#REF!</definedName>
    <definedName name="__SUB3" localSheetId="8">#REF!</definedName>
    <definedName name="__SUB3" localSheetId="2">#REF!</definedName>
    <definedName name="__SUB3">#REF!</definedName>
    <definedName name="__SUB4" localSheetId="4">#REF!</definedName>
    <definedName name="__SUB4" localSheetId="5">#REF!</definedName>
    <definedName name="__SUB4" localSheetId="6">#REF!</definedName>
    <definedName name="__SUB4" localSheetId="7">#REF!</definedName>
    <definedName name="__SUB4" localSheetId="8">#REF!</definedName>
    <definedName name="__SUB4" localSheetId="2">#REF!</definedName>
    <definedName name="__SUB4">#REF!</definedName>
    <definedName name="__tan1" localSheetId="4">#REF!</definedName>
    <definedName name="__tan1" localSheetId="5">#REF!</definedName>
    <definedName name="__tan1" localSheetId="6">#REF!</definedName>
    <definedName name="__tan1" localSheetId="7">#REF!</definedName>
    <definedName name="__tan1" localSheetId="8">#REF!</definedName>
    <definedName name="__tan1" localSheetId="2">#REF!</definedName>
    <definedName name="__tan1">#REF!</definedName>
    <definedName name="__tan2" localSheetId="4">#REF!</definedName>
    <definedName name="__tan2" localSheetId="5">#REF!</definedName>
    <definedName name="__tan2" localSheetId="6">#REF!</definedName>
    <definedName name="__tan2" localSheetId="7">#REF!</definedName>
    <definedName name="__tan2" localSheetId="8">#REF!</definedName>
    <definedName name="__tan2" localSheetId="2">#REF!</definedName>
    <definedName name="__tan2">#REF!</definedName>
    <definedName name="__tan3" localSheetId="4">#REF!</definedName>
    <definedName name="__tan3" localSheetId="5">#REF!</definedName>
    <definedName name="__tan3" localSheetId="6">#REF!</definedName>
    <definedName name="__tan3" localSheetId="7">#REF!</definedName>
    <definedName name="__tan3" localSheetId="8">#REF!</definedName>
    <definedName name="__tan3" localSheetId="2">#REF!</definedName>
    <definedName name="__tan3">#REF!</definedName>
    <definedName name="__V1" localSheetId="4">#REF!</definedName>
    <definedName name="__V1" localSheetId="5">#REF!</definedName>
    <definedName name="__V1" localSheetId="6">#REF!</definedName>
    <definedName name="__V1" localSheetId="7">#REF!</definedName>
    <definedName name="__V1" localSheetId="8">#REF!</definedName>
    <definedName name="__V1" localSheetId="2">#REF!</definedName>
    <definedName name="__V1">#REF!</definedName>
    <definedName name="__V10" localSheetId="4">#REF!</definedName>
    <definedName name="__V10" localSheetId="5">#REF!</definedName>
    <definedName name="__V10" localSheetId="6">#REF!</definedName>
    <definedName name="__V10" localSheetId="7">#REF!</definedName>
    <definedName name="__V10" localSheetId="8">#REF!</definedName>
    <definedName name="__V10" localSheetId="2">#REF!</definedName>
    <definedName name="__V10">#REF!</definedName>
    <definedName name="__V11" localSheetId="4">#REF!</definedName>
    <definedName name="__V11" localSheetId="5">#REF!</definedName>
    <definedName name="__V11" localSheetId="6">#REF!</definedName>
    <definedName name="__V11" localSheetId="7">#REF!</definedName>
    <definedName name="__V11" localSheetId="8">#REF!</definedName>
    <definedName name="__V11" localSheetId="2">#REF!</definedName>
    <definedName name="__V11">#REF!</definedName>
    <definedName name="__V12" localSheetId="4">#REF!</definedName>
    <definedName name="__V12" localSheetId="5">#REF!</definedName>
    <definedName name="__V12" localSheetId="6">#REF!</definedName>
    <definedName name="__V12" localSheetId="7">#REF!</definedName>
    <definedName name="__V12" localSheetId="8">#REF!</definedName>
    <definedName name="__V12" localSheetId="2">#REF!</definedName>
    <definedName name="__V12">#REF!</definedName>
    <definedName name="__V13" localSheetId="4">#REF!</definedName>
    <definedName name="__V13" localSheetId="5">#REF!</definedName>
    <definedName name="__V13" localSheetId="6">#REF!</definedName>
    <definedName name="__V13" localSheetId="7">#REF!</definedName>
    <definedName name="__V13" localSheetId="8">#REF!</definedName>
    <definedName name="__V13" localSheetId="2">#REF!</definedName>
    <definedName name="__V13">#REF!</definedName>
    <definedName name="__V14" localSheetId="4">#REF!</definedName>
    <definedName name="__V14" localSheetId="5">#REF!</definedName>
    <definedName name="__V14" localSheetId="6">#REF!</definedName>
    <definedName name="__V14" localSheetId="7">#REF!</definedName>
    <definedName name="__V14" localSheetId="8">#REF!</definedName>
    <definedName name="__V14" localSheetId="2">#REF!</definedName>
    <definedName name="__V14">#REF!</definedName>
    <definedName name="__V15" localSheetId="4">#REF!</definedName>
    <definedName name="__V15" localSheetId="5">#REF!</definedName>
    <definedName name="__V15" localSheetId="6">#REF!</definedName>
    <definedName name="__V15" localSheetId="7">#REF!</definedName>
    <definedName name="__V15" localSheetId="8">#REF!</definedName>
    <definedName name="__V15" localSheetId="2">#REF!</definedName>
    <definedName name="__V15">#REF!</definedName>
    <definedName name="__V16" localSheetId="4">#REF!</definedName>
    <definedName name="__V16" localSheetId="5">#REF!</definedName>
    <definedName name="__V16" localSheetId="6">#REF!</definedName>
    <definedName name="__V16" localSheetId="7">#REF!</definedName>
    <definedName name="__V16" localSheetId="8">#REF!</definedName>
    <definedName name="__V16" localSheetId="2">#REF!</definedName>
    <definedName name="__V16">#REF!</definedName>
    <definedName name="__V17" localSheetId="4">#REF!</definedName>
    <definedName name="__V17" localSheetId="5">#REF!</definedName>
    <definedName name="__V17" localSheetId="6">#REF!</definedName>
    <definedName name="__V17" localSheetId="7">#REF!</definedName>
    <definedName name="__V17" localSheetId="8">#REF!</definedName>
    <definedName name="__V17" localSheetId="2">#REF!</definedName>
    <definedName name="__V17">#REF!</definedName>
    <definedName name="__V18" localSheetId="4">#REF!</definedName>
    <definedName name="__V18" localSheetId="5">#REF!</definedName>
    <definedName name="__V18" localSheetId="6">#REF!</definedName>
    <definedName name="__V18" localSheetId="7">#REF!</definedName>
    <definedName name="__V18" localSheetId="8">#REF!</definedName>
    <definedName name="__V18" localSheetId="2">#REF!</definedName>
    <definedName name="__V18">#REF!</definedName>
    <definedName name="__V19" localSheetId="4">#REF!</definedName>
    <definedName name="__V19" localSheetId="5">#REF!</definedName>
    <definedName name="__V19" localSheetId="6">#REF!</definedName>
    <definedName name="__V19" localSheetId="7">#REF!</definedName>
    <definedName name="__V19" localSheetId="8">#REF!</definedName>
    <definedName name="__V19" localSheetId="2">#REF!</definedName>
    <definedName name="__V19">#REF!</definedName>
    <definedName name="__V2" localSheetId="4">#REF!</definedName>
    <definedName name="__V2" localSheetId="5">#REF!</definedName>
    <definedName name="__V2" localSheetId="6">#REF!</definedName>
    <definedName name="__V2" localSheetId="7">#REF!</definedName>
    <definedName name="__V2" localSheetId="8">#REF!</definedName>
    <definedName name="__V2" localSheetId="2">#REF!</definedName>
    <definedName name="__V2">#REF!</definedName>
    <definedName name="__V20" localSheetId="4">#REF!</definedName>
    <definedName name="__V20" localSheetId="5">#REF!</definedName>
    <definedName name="__V20" localSheetId="6">#REF!</definedName>
    <definedName name="__V20" localSheetId="7">#REF!</definedName>
    <definedName name="__V20" localSheetId="8">#REF!</definedName>
    <definedName name="__V20" localSheetId="2">#REF!</definedName>
    <definedName name="__V20">#REF!</definedName>
    <definedName name="__V21" localSheetId="4">#REF!</definedName>
    <definedName name="__V21" localSheetId="5">#REF!</definedName>
    <definedName name="__V21" localSheetId="6">#REF!</definedName>
    <definedName name="__V21" localSheetId="7">#REF!</definedName>
    <definedName name="__V21" localSheetId="8">#REF!</definedName>
    <definedName name="__V21" localSheetId="2">#REF!</definedName>
    <definedName name="__V21">#REF!</definedName>
    <definedName name="__V22" localSheetId="4">#REF!</definedName>
    <definedName name="__V22" localSheetId="5">#REF!</definedName>
    <definedName name="__V22" localSheetId="6">#REF!</definedName>
    <definedName name="__V22" localSheetId="7">#REF!</definedName>
    <definedName name="__V22" localSheetId="8">#REF!</definedName>
    <definedName name="__V22" localSheetId="2">#REF!</definedName>
    <definedName name="__V22">#REF!</definedName>
    <definedName name="__V23" localSheetId="4">#REF!</definedName>
    <definedName name="__V23" localSheetId="5">#REF!</definedName>
    <definedName name="__V23" localSheetId="6">#REF!</definedName>
    <definedName name="__V23" localSheetId="7">#REF!</definedName>
    <definedName name="__V23" localSheetId="8">#REF!</definedName>
    <definedName name="__V23" localSheetId="2">#REF!</definedName>
    <definedName name="__V23">#REF!</definedName>
    <definedName name="__V24" localSheetId="4">#REF!</definedName>
    <definedName name="__V24" localSheetId="5">#REF!</definedName>
    <definedName name="__V24" localSheetId="6">#REF!</definedName>
    <definedName name="__V24" localSheetId="7">#REF!</definedName>
    <definedName name="__V24" localSheetId="8">#REF!</definedName>
    <definedName name="__V24" localSheetId="2">#REF!</definedName>
    <definedName name="__V24">#REF!</definedName>
    <definedName name="__V25" localSheetId="4">#REF!</definedName>
    <definedName name="__V25" localSheetId="5">#REF!</definedName>
    <definedName name="__V25" localSheetId="6">#REF!</definedName>
    <definedName name="__V25" localSheetId="7">#REF!</definedName>
    <definedName name="__V25" localSheetId="8">#REF!</definedName>
    <definedName name="__V25" localSheetId="2">#REF!</definedName>
    <definedName name="__V25">#REF!</definedName>
    <definedName name="__V26" localSheetId="4">#REF!</definedName>
    <definedName name="__V26" localSheetId="5">#REF!</definedName>
    <definedName name="__V26" localSheetId="6">#REF!</definedName>
    <definedName name="__V26" localSheetId="7">#REF!</definedName>
    <definedName name="__V26" localSheetId="8">#REF!</definedName>
    <definedName name="__V26" localSheetId="2">#REF!</definedName>
    <definedName name="__V26">#REF!</definedName>
    <definedName name="__V27" localSheetId="4">#REF!</definedName>
    <definedName name="__V27" localSheetId="5">#REF!</definedName>
    <definedName name="__V27" localSheetId="6">#REF!</definedName>
    <definedName name="__V27" localSheetId="7">#REF!</definedName>
    <definedName name="__V27" localSheetId="8">#REF!</definedName>
    <definedName name="__V27" localSheetId="2">#REF!</definedName>
    <definedName name="__V27">#REF!</definedName>
    <definedName name="__V28" localSheetId="4">#REF!</definedName>
    <definedName name="__V28" localSheetId="5">#REF!</definedName>
    <definedName name="__V28" localSheetId="6">#REF!</definedName>
    <definedName name="__V28" localSheetId="7">#REF!</definedName>
    <definedName name="__V28" localSheetId="8">#REF!</definedName>
    <definedName name="__V28" localSheetId="2">#REF!</definedName>
    <definedName name="__V28">#REF!</definedName>
    <definedName name="__V29" localSheetId="4">#REF!</definedName>
    <definedName name="__V29" localSheetId="5">#REF!</definedName>
    <definedName name="__V29" localSheetId="6">#REF!</definedName>
    <definedName name="__V29" localSheetId="7">#REF!</definedName>
    <definedName name="__V29" localSheetId="8">#REF!</definedName>
    <definedName name="__V29" localSheetId="2">#REF!</definedName>
    <definedName name="__V29">#REF!</definedName>
    <definedName name="__V30" localSheetId="4">#REF!</definedName>
    <definedName name="__V30" localSheetId="5">#REF!</definedName>
    <definedName name="__V30" localSheetId="6">#REF!</definedName>
    <definedName name="__V30" localSheetId="7">#REF!</definedName>
    <definedName name="__V30" localSheetId="8">#REF!</definedName>
    <definedName name="__V30" localSheetId="2">#REF!</definedName>
    <definedName name="__V30">#REF!</definedName>
    <definedName name="__V31" localSheetId="4">#REF!</definedName>
    <definedName name="__V31" localSheetId="5">#REF!</definedName>
    <definedName name="__V31" localSheetId="6">#REF!</definedName>
    <definedName name="__V31" localSheetId="7">#REF!</definedName>
    <definedName name="__V31" localSheetId="8">#REF!</definedName>
    <definedName name="__V31" localSheetId="2">#REF!</definedName>
    <definedName name="__V31">#REF!</definedName>
    <definedName name="__V32" localSheetId="4">#REF!</definedName>
    <definedName name="__V32" localSheetId="5">#REF!</definedName>
    <definedName name="__V32" localSheetId="6">#REF!</definedName>
    <definedName name="__V32" localSheetId="7">#REF!</definedName>
    <definedName name="__V32" localSheetId="8">#REF!</definedName>
    <definedName name="__V32" localSheetId="2">#REF!</definedName>
    <definedName name="__V32">#REF!</definedName>
    <definedName name="__V33" localSheetId="4">#REF!</definedName>
    <definedName name="__V33" localSheetId="5">#REF!</definedName>
    <definedName name="__V33" localSheetId="6">#REF!</definedName>
    <definedName name="__V33" localSheetId="7">#REF!</definedName>
    <definedName name="__V33" localSheetId="8">#REF!</definedName>
    <definedName name="__V33" localSheetId="2">#REF!</definedName>
    <definedName name="__V33">#REF!</definedName>
    <definedName name="__V34" localSheetId="4">#REF!</definedName>
    <definedName name="__V34" localSheetId="5">#REF!</definedName>
    <definedName name="__V34" localSheetId="6">#REF!</definedName>
    <definedName name="__V34" localSheetId="7">#REF!</definedName>
    <definedName name="__V34" localSheetId="8">#REF!</definedName>
    <definedName name="__V34" localSheetId="2">#REF!</definedName>
    <definedName name="__V34">#REF!</definedName>
    <definedName name="__V35" localSheetId="4">#REF!</definedName>
    <definedName name="__V35" localSheetId="5">#REF!</definedName>
    <definedName name="__V35" localSheetId="6">#REF!</definedName>
    <definedName name="__V35" localSheetId="7">#REF!</definedName>
    <definedName name="__V35" localSheetId="8">#REF!</definedName>
    <definedName name="__V35" localSheetId="2">#REF!</definedName>
    <definedName name="__V35">#REF!</definedName>
    <definedName name="__V36" localSheetId="4">#REF!</definedName>
    <definedName name="__V36" localSheetId="5">#REF!</definedName>
    <definedName name="__V36" localSheetId="6">#REF!</definedName>
    <definedName name="__V36" localSheetId="7">#REF!</definedName>
    <definedName name="__V36" localSheetId="8">#REF!</definedName>
    <definedName name="__V36" localSheetId="2">#REF!</definedName>
    <definedName name="__V36">#REF!</definedName>
    <definedName name="__V37" localSheetId="4">#REF!</definedName>
    <definedName name="__V37" localSheetId="5">#REF!</definedName>
    <definedName name="__V37" localSheetId="6">#REF!</definedName>
    <definedName name="__V37" localSheetId="7">#REF!</definedName>
    <definedName name="__V37" localSheetId="8">#REF!</definedName>
    <definedName name="__V37" localSheetId="2">#REF!</definedName>
    <definedName name="__V37">#REF!</definedName>
    <definedName name="__V38" localSheetId="4">#REF!</definedName>
    <definedName name="__V38" localSheetId="5">#REF!</definedName>
    <definedName name="__V38" localSheetId="6">#REF!</definedName>
    <definedName name="__V38" localSheetId="7">#REF!</definedName>
    <definedName name="__V38" localSheetId="8">#REF!</definedName>
    <definedName name="__V38" localSheetId="2">#REF!</definedName>
    <definedName name="__V38">#REF!</definedName>
    <definedName name="__V5" localSheetId="4">#REF!</definedName>
    <definedName name="__V5" localSheetId="5">#REF!</definedName>
    <definedName name="__V5" localSheetId="6">#REF!</definedName>
    <definedName name="__V5" localSheetId="7">#REF!</definedName>
    <definedName name="__V5" localSheetId="8">#REF!</definedName>
    <definedName name="__V5" localSheetId="2">#REF!</definedName>
    <definedName name="__V5">#REF!</definedName>
    <definedName name="__V6" localSheetId="4">#REF!</definedName>
    <definedName name="__V6" localSheetId="5">#REF!</definedName>
    <definedName name="__V6" localSheetId="6">#REF!</definedName>
    <definedName name="__V6" localSheetId="7">#REF!</definedName>
    <definedName name="__V6" localSheetId="8">#REF!</definedName>
    <definedName name="__V6" localSheetId="2">#REF!</definedName>
    <definedName name="__V6">#REF!</definedName>
    <definedName name="__V7" localSheetId="4">#REF!</definedName>
    <definedName name="__V7" localSheetId="5">#REF!</definedName>
    <definedName name="__V7" localSheetId="6">#REF!</definedName>
    <definedName name="__V7" localSheetId="7">#REF!</definedName>
    <definedName name="__V7" localSheetId="8">#REF!</definedName>
    <definedName name="__V7" localSheetId="2">#REF!</definedName>
    <definedName name="__V7">#REF!</definedName>
    <definedName name="__V8" localSheetId="4">#REF!</definedName>
    <definedName name="__V8" localSheetId="5">#REF!</definedName>
    <definedName name="__V8" localSheetId="6">#REF!</definedName>
    <definedName name="__V8" localSheetId="7">#REF!</definedName>
    <definedName name="__V8" localSheetId="8">#REF!</definedName>
    <definedName name="__V8" localSheetId="2">#REF!</definedName>
    <definedName name="__V8">#REF!</definedName>
    <definedName name="__V9" localSheetId="4">#REF!</definedName>
    <definedName name="__V9" localSheetId="5">#REF!</definedName>
    <definedName name="__V9" localSheetId="6">#REF!</definedName>
    <definedName name="__V9" localSheetId="7">#REF!</definedName>
    <definedName name="__V9" localSheetId="8">#REF!</definedName>
    <definedName name="__V9" localSheetId="2">#REF!</definedName>
    <definedName name="__V9">#REF!</definedName>
    <definedName name="_1" localSheetId="4">#REF!</definedName>
    <definedName name="_1" localSheetId="5">#REF!</definedName>
    <definedName name="_1" localSheetId="6">#REF!</definedName>
    <definedName name="_1" localSheetId="7">#REF!</definedName>
    <definedName name="_1" localSheetId="8">#REF!</definedName>
    <definedName name="_1" localSheetId="0">#REF!</definedName>
    <definedName name="_1" localSheetId="2">#REF!</definedName>
    <definedName name="_1">#REF!</definedName>
    <definedName name="_10" localSheetId="4">#REF!</definedName>
    <definedName name="_10" localSheetId="5">#REF!</definedName>
    <definedName name="_10" localSheetId="6">#REF!</definedName>
    <definedName name="_10" localSheetId="7">#REF!</definedName>
    <definedName name="_10" localSheetId="8">#REF!</definedName>
    <definedName name="_10" localSheetId="0">#REF!</definedName>
    <definedName name="_10" localSheetId="2">#REF!</definedName>
    <definedName name="_10">#REF!</definedName>
    <definedName name="_1000" localSheetId="4">#REF!</definedName>
    <definedName name="_1000" localSheetId="5">#REF!</definedName>
    <definedName name="_1000" localSheetId="6">#REF!</definedName>
    <definedName name="_1000" localSheetId="7">#REF!</definedName>
    <definedName name="_1000" localSheetId="8">#REF!</definedName>
    <definedName name="_1000" localSheetId="2">#REF!</definedName>
    <definedName name="_1000">#REF!</definedName>
    <definedName name="_1010" localSheetId="4">[9]見積01!#REF!</definedName>
    <definedName name="_1010" localSheetId="5">[9]見積01!#REF!</definedName>
    <definedName name="_1010" localSheetId="6">[9]見積01!#REF!</definedName>
    <definedName name="_1010" localSheetId="7">[9]見積01!#REF!</definedName>
    <definedName name="_1010" localSheetId="8">[9]見積01!#REF!</definedName>
    <definedName name="_1010" localSheetId="2">[9]見積01!#REF!</definedName>
    <definedName name="_1010">[9]見積01!#REF!</definedName>
    <definedName name="_1020" localSheetId="4">[9]見積01!#REF!</definedName>
    <definedName name="_1020" localSheetId="5">[9]見積01!#REF!</definedName>
    <definedName name="_1020" localSheetId="6">[9]見積01!#REF!</definedName>
    <definedName name="_1020" localSheetId="7">[9]見積01!#REF!</definedName>
    <definedName name="_1020" localSheetId="8">[9]見積01!#REF!</definedName>
    <definedName name="_1020" localSheetId="2">[9]見積01!#REF!</definedName>
    <definedName name="_1020">[9]見積01!#REF!</definedName>
    <definedName name="_10N1_" localSheetId="4">#REF!</definedName>
    <definedName name="_10N1_" localSheetId="5">#REF!</definedName>
    <definedName name="_10N1_" localSheetId="6">#REF!</definedName>
    <definedName name="_10N1_" localSheetId="7">#REF!</definedName>
    <definedName name="_10N1_" localSheetId="8">#REF!</definedName>
    <definedName name="_10N1_" localSheetId="2">#REF!</definedName>
    <definedName name="_10N1_">#REF!</definedName>
    <definedName name="_11" localSheetId="4">#REF!</definedName>
    <definedName name="_11" localSheetId="5">#REF!</definedName>
    <definedName name="_11" localSheetId="6">#REF!</definedName>
    <definedName name="_11" localSheetId="7">#REF!</definedName>
    <definedName name="_11" localSheetId="8">#REF!</definedName>
    <definedName name="_11" localSheetId="0">#REF!</definedName>
    <definedName name="_11" localSheetId="2">#REF!</definedName>
    <definedName name="_11">#REF!</definedName>
    <definedName name="_111" localSheetId="4">#REF!</definedName>
    <definedName name="_111" localSheetId="5">#REF!</definedName>
    <definedName name="_111" localSheetId="6">#REF!</definedName>
    <definedName name="_111" localSheetId="7">#REF!</definedName>
    <definedName name="_111" localSheetId="8">#REF!</definedName>
    <definedName name="_111" localSheetId="2">#REF!</definedName>
    <definedName name="_111">#REF!</definedName>
    <definedName name="_111a" localSheetId="4">#REF!</definedName>
    <definedName name="_111a" localSheetId="5">#REF!</definedName>
    <definedName name="_111a" localSheetId="6">#REF!</definedName>
    <definedName name="_111a" localSheetId="7">#REF!</definedName>
    <definedName name="_111a" localSheetId="8">#REF!</definedName>
    <definedName name="_111a" localSheetId="2">#REF!</definedName>
    <definedName name="_111a">#REF!</definedName>
    <definedName name="_116" localSheetId="4">#REF!</definedName>
    <definedName name="_116" localSheetId="5">#REF!</definedName>
    <definedName name="_116" localSheetId="6">#REF!</definedName>
    <definedName name="_116" localSheetId="7">#REF!</definedName>
    <definedName name="_116" localSheetId="8">#REF!</definedName>
    <definedName name="_116" localSheetId="2">#REF!</definedName>
    <definedName name="_116">#REF!</definedName>
    <definedName name="_116a" localSheetId="4">#REF!</definedName>
    <definedName name="_116a" localSheetId="5">#REF!</definedName>
    <definedName name="_116a" localSheetId="6">#REF!</definedName>
    <definedName name="_116a" localSheetId="7">#REF!</definedName>
    <definedName name="_116a" localSheetId="8">#REF!</definedName>
    <definedName name="_116a" localSheetId="2">#REF!</definedName>
    <definedName name="_116a">#REF!</definedName>
    <definedName name="_117" localSheetId="4">#REF!</definedName>
    <definedName name="_117" localSheetId="5">#REF!</definedName>
    <definedName name="_117" localSheetId="6">#REF!</definedName>
    <definedName name="_117" localSheetId="7">#REF!</definedName>
    <definedName name="_117" localSheetId="8">#REF!</definedName>
    <definedName name="_117" localSheetId="2">#REF!</definedName>
    <definedName name="_117">#REF!</definedName>
    <definedName name="_117a" localSheetId="4">#REF!</definedName>
    <definedName name="_117a" localSheetId="5">#REF!</definedName>
    <definedName name="_117a" localSheetId="6">#REF!</definedName>
    <definedName name="_117a" localSheetId="7">#REF!</definedName>
    <definedName name="_117a" localSheetId="8">#REF!</definedName>
    <definedName name="_117a" localSheetId="2">#REF!</definedName>
    <definedName name="_117a">#REF!</definedName>
    <definedName name="_118" localSheetId="4">#REF!</definedName>
    <definedName name="_118" localSheetId="5">#REF!</definedName>
    <definedName name="_118" localSheetId="6">#REF!</definedName>
    <definedName name="_118" localSheetId="7">#REF!</definedName>
    <definedName name="_118" localSheetId="8">#REF!</definedName>
    <definedName name="_118" localSheetId="2">#REF!</definedName>
    <definedName name="_118">#REF!</definedName>
    <definedName name="_118a" localSheetId="4">#REF!</definedName>
    <definedName name="_118a" localSheetId="5">#REF!</definedName>
    <definedName name="_118a" localSheetId="6">#REF!</definedName>
    <definedName name="_118a" localSheetId="7">#REF!</definedName>
    <definedName name="_118a" localSheetId="8">#REF!</definedName>
    <definedName name="_118a" localSheetId="2">#REF!</definedName>
    <definedName name="_118a">#REF!</definedName>
    <definedName name="_119" localSheetId="4">#REF!</definedName>
    <definedName name="_119" localSheetId="5">#REF!</definedName>
    <definedName name="_119" localSheetId="6">#REF!</definedName>
    <definedName name="_119" localSheetId="7">#REF!</definedName>
    <definedName name="_119" localSheetId="8">#REF!</definedName>
    <definedName name="_119" localSheetId="2">#REF!</definedName>
    <definedName name="_119">#REF!</definedName>
    <definedName name="_119a" localSheetId="4">#REF!</definedName>
    <definedName name="_119a" localSheetId="5">#REF!</definedName>
    <definedName name="_119a" localSheetId="6">#REF!</definedName>
    <definedName name="_119a" localSheetId="7">#REF!</definedName>
    <definedName name="_119a" localSheetId="8">#REF!</definedName>
    <definedName name="_119a" localSheetId="2">#REF!</definedName>
    <definedName name="_119a">#REF!</definedName>
    <definedName name="_11a" localSheetId="4">#REF!</definedName>
    <definedName name="_11a" localSheetId="5">#REF!</definedName>
    <definedName name="_11a" localSheetId="6">#REF!</definedName>
    <definedName name="_11a" localSheetId="7">#REF!</definedName>
    <definedName name="_11a" localSheetId="8">#REF!</definedName>
    <definedName name="_11a" localSheetId="2">#REF!</definedName>
    <definedName name="_11a">#REF!</definedName>
    <definedName name="_11N10_" localSheetId="4">#REF!</definedName>
    <definedName name="_11N10_" localSheetId="5">#REF!</definedName>
    <definedName name="_11N10_" localSheetId="6">#REF!</definedName>
    <definedName name="_11N10_" localSheetId="7">#REF!</definedName>
    <definedName name="_11N10_" localSheetId="8">#REF!</definedName>
    <definedName name="_11N10_" localSheetId="2">#REF!</definedName>
    <definedName name="_11N10_">#REF!</definedName>
    <definedName name="_12" localSheetId="4">#REF!</definedName>
    <definedName name="_12" localSheetId="5">#REF!</definedName>
    <definedName name="_12" localSheetId="6">#REF!</definedName>
    <definedName name="_12" localSheetId="7">#REF!</definedName>
    <definedName name="_12" localSheetId="8">#REF!</definedName>
    <definedName name="_12" localSheetId="0">#REF!</definedName>
    <definedName name="_12" localSheetId="2">#REF!</definedName>
    <definedName name="_12">#REF!</definedName>
    <definedName name="_120" localSheetId="4">#REF!</definedName>
    <definedName name="_120" localSheetId="5">#REF!</definedName>
    <definedName name="_120" localSheetId="6">#REF!</definedName>
    <definedName name="_120" localSheetId="7">#REF!</definedName>
    <definedName name="_120" localSheetId="8">#REF!</definedName>
    <definedName name="_120" localSheetId="2">#REF!</definedName>
    <definedName name="_120">#REF!</definedName>
    <definedName name="_120a" localSheetId="4">#REF!</definedName>
    <definedName name="_120a" localSheetId="5">#REF!</definedName>
    <definedName name="_120a" localSheetId="6">#REF!</definedName>
    <definedName name="_120a" localSheetId="7">#REF!</definedName>
    <definedName name="_120a" localSheetId="8">#REF!</definedName>
    <definedName name="_120a" localSheetId="2">#REF!</definedName>
    <definedName name="_120a">#REF!</definedName>
    <definedName name="_121" localSheetId="4">#REF!</definedName>
    <definedName name="_121" localSheetId="5">#REF!</definedName>
    <definedName name="_121" localSheetId="6">#REF!</definedName>
    <definedName name="_121" localSheetId="7">#REF!</definedName>
    <definedName name="_121" localSheetId="8">#REF!</definedName>
    <definedName name="_121" localSheetId="2">#REF!</definedName>
    <definedName name="_121">#REF!</definedName>
    <definedName name="_121a" localSheetId="4">#REF!</definedName>
    <definedName name="_121a" localSheetId="5">#REF!</definedName>
    <definedName name="_121a" localSheetId="6">#REF!</definedName>
    <definedName name="_121a" localSheetId="7">#REF!</definedName>
    <definedName name="_121a" localSheetId="8">#REF!</definedName>
    <definedName name="_121a" localSheetId="2">#REF!</definedName>
    <definedName name="_121a">#REF!</definedName>
    <definedName name="_122" localSheetId="4">#REF!</definedName>
    <definedName name="_122" localSheetId="5">#REF!</definedName>
    <definedName name="_122" localSheetId="6">#REF!</definedName>
    <definedName name="_122" localSheetId="7">#REF!</definedName>
    <definedName name="_122" localSheetId="8">#REF!</definedName>
    <definedName name="_122" localSheetId="2">#REF!</definedName>
    <definedName name="_122">#REF!</definedName>
    <definedName name="_122a" localSheetId="4">#REF!</definedName>
    <definedName name="_122a" localSheetId="5">#REF!</definedName>
    <definedName name="_122a" localSheetId="6">#REF!</definedName>
    <definedName name="_122a" localSheetId="7">#REF!</definedName>
    <definedName name="_122a" localSheetId="8">#REF!</definedName>
    <definedName name="_122a" localSheetId="2">#REF!</definedName>
    <definedName name="_122a">#REF!</definedName>
    <definedName name="_123" localSheetId="4">#REF!</definedName>
    <definedName name="_123" localSheetId="5">#REF!</definedName>
    <definedName name="_123" localSheetId="6">#REF!</definedName>
    <definedName name="_123" localSheetId="7">#REF!</definedName>
    <definedName name="_123" localSheetId="8">#REF!</definedName>
    <definedName name="_123" localSheetId="2">#REF!</definedName>
    <definedName name="_123">#REF!</definedName>
    <definedName name="_123Gaaa_A" localSheetId="4" hidden="1">[10]Sheet2!#REF!</definedName>
    <definedName name="_123Gaaa_A" localSheetId="5" hidden="1">[10]Sheet2!#REF!</definedName>
    <definedName name="_123Gaaa_A" localSheetId="6" hidden="1">[10]Sheet2!#REF!</definedName>
    <definedName name="_123Gaaa_A" localSheetId="7" hidden="1">[10]Sheet2!#REF!</definedName>
    <definedName name="_123Gaaa_A" localSheetId="8" hidden="1">[10]Sheet2!#REF!</definedName>
    <definedName name="_123Gaaa_A" localSheetId="0" hidden="1">[10]Sheet2!#REF!</definedName>
    <definedName name="_123Gaaa_A" localSheetId="2" hidden="1">[10]Sheet2!#REF!</definedName>
    <definedName name="_123Gaaa_A" hidden="1">[10]Sheet2!#REF!</definedName>
    <definedName name="_123Graph" localSheetId="4" hidden="1">[10]Sheet2!#REF!</definedName>
    <definedName name="_123Graph" localSheetId="5" hidden="1">[10]Sheet2!#REF!</definedName>
    <definedName name="_123Graph" localSheetId="6" hidden="1">[10]Sheet2!#REF!</definedName>
    <definedName name="_123Graph" localSheetId="7" hidden="1">[10]Sheet2!#REF!</definedName>
    <definedName name="_123Graph" localSheetId="8" hidden="1">[10]Sheet2!#REF!</definedName>
    <definedName name="_123Graph" localSheetId="0" hidden="1">[10]Sheet2!#REF!</definedName>
    <definedName name="_123Graph" localSheetId="2" hidden="1">[10]Sheet2!#REF!</definedName>
    <definedName name="_123Graph" hidden="1">[10]Sheet2!#REF!</definedName>
    <definedName name="_12N11_" localSheetId="4">#REF!</definedName>
    <definedName name="_12N11_" localSheetId="5">#REF!</definedName>
    <definedName name="_12N11_" localSheetId="6">#REF!</definedName>
    <definedName name="_12N11_" localSheetId="7">#REF!</definedName>
    <definedName name="_12N11_" localSheetId="8">#REF!</definedName>
    <definedName name="_12N11_" localSheetId="2">#REF!</definedName>
    <definedName name="_12N11_">#REF!</definedName>
    <definedName name="_13" localSheetId="4">[9]見積01!#REF!</definedName>
    <definedName name="_13" localSheetId="5">[9]見積01!#REF!</definedName>
    <definedName name="_13" localSheetId="6">[9]見積01!#REF!</definedName>
    <definedName name="_13" localSheetId="7">[9]見積01!#REF!</definedName>
    <definedName name="_13" localSheetId="8">[9]見積01!#REF!</definedName>
    <definedName name="_13" localSheetId="2">[9]見積01!#REF!</definedName>
    <definedName name="_13">[9]見積01!#REF!</definedName>
    <definedName name="_13N12_" localSheetId="4">#REF!</definedName>
    <definedName name="_13N12_" localSheetId="5">#REF!</definedName>
    <definedName name="_13N12_" localSheetId="6">#REF!</definedName>
    <definedName name="_13N12_" localSheetId="7">#REF!</definedName>
    <definedName name="_13N12_" localSheetId="8">#REF!</definedName>
    <definedName name="_13N12_" localSheetId="2">#REF!</definedName>
    <definedName name="_13N12_">#REF!</definedName>
    <definedName name="_14" localSheetId="4">[9]見積01!#REF!</definedName>
    <definedName name="_14" localSheetId="5">[9]見積01!#REF!</definedName>
    <definedName name="_14" localSheetId="6">[9]見積01!#REF!</definedName>
    <definedName name="_14" localSheetId="7">[9]見積01!#REF!</definedName>
    <definedName name="_14" localSheetId="8">[9]見積01!#REF!</definedName>
    <definedName name="_14" localSheetId="2">[9]見積01!#REF!</definedName>
    <definedName name="_14">[9]見積01!#REF!</definedName>
    <definedName name="_14N13_" localSheetId="4">#REF!</definedName>
    <definedName name="_14N13_" localSheetId="5">#REF!</definedName>
    <definedName name="_14N13_" localSheetId="6">#REF!</definedName>
    <definedName name="_14N13_" localSheetId="7">#REF!</definedName>
    <definedName name="_14N13_" localSheetId="8">#REF!</definedName>
    <definedName name="_14N13_" localSheetId="2">#REF!</definedName>
    <definedName name="_14N13_">#REF!</definedName>
    <definedName name="_15" localSheetId="4">[9]見積01!#REF!</definedName>
    <definedName name="_15" localSheetId="5">[9]見積01!#REF!</definedName>
    <definedName name="_15" localSheetId="6">[9]見積01!#REF!</definedName>
    <definedName name="_15" localSheetId="7">[9]見積01!#REF!</definedName>
    <definedName name="_15" localSheetId="8">[9]見積01!#REF!</definedName>
    <definedName name="_15" localSheetId="2">[9]見積01!#REF!</definedName>
    <definedName name="_15">[9]見積01!#REF!</definedName>
    <definedName name="_15N14_" localSheetId="4">#REF!</definedName>
    <definedName name="_15N14_" localSheetId="5">#REF!</definedName>
    <definedName name="_15N14_" localSheetId="6">#REF!</definedName>
    <definedName name="_15N14_" localSheetId="7">#REF!</definedName>
    <definedName name="_15N14_" localSheetId="8">#REF!</definedName>
    <definedName name="_15N14_" localSheetId="2">#REF!</definedName>
    <definedName name="_15N14_">#REF!</definedName>
    <definedName name="_16" localSheetId="4">#REF!</definedName>
    <definedName name="_16" localSheetId="5">#REF!</definedName>
    <definedName name="_16" localSheetId="6">#REF!</definedName>
    <definedName name="_16" localSheetId="7">#REF!</definedName>
    <definedName name="_16" localSheetId="8">#REF!</definedName>
    <definedName name="_16" localSheetId="9">#REF!</definedName>
    <definedName name="_16" localSheetId="2">#REF!</definedName>
    <definedName name="_16">#REF!</definedName>
    <definedName name="_16N15_" localSheetId="4">#REF!</definedName>
    <definedName name="_16N15_" localSheetId="5">#REF!</definedName>
    <definedName name="_16N15_" localSheetId="6">#REF!</definedName>
    <definedName name="_16N15_" localSheetId="7">#REF!</definedName>
    <definedName name="_16N15_" localSheetId="8">#REF!</definedName>
    <definedName name="_16N15_" localSheetId="2">#REF!</definedName>
    <definedName name="_16N15_">#REF!</definedName>
    <definedName name="_17" localSheetId="4">#REF!</definedName>
    <definedName name="_17" localSheetId="5">#REF!</definedName>
    <definedName name="_17" localSheetId="6">#REF!</definedName>
    <definedName name="_17" localSheetId="7">#REF!</definedName>
    <definedName name="_17" localSheetId="8">#REF!</definedName>
    <definedName name="_17" localSheetId="2">#REF!</definedName>
    <definedName name="_17">#REF!</definedName>
    <definedName name="_17N16_" localSheetId="4">#REF!</definedName>
    <definedName name="_17N16_" localSheetId="5">#REF!</definedName>
    <definedName name="_17N16_" localSheetId="6">#REF!</definedName>
    <definedName name="_17N16_" localSheetId="7">#REF!</definedName>
    <definedName name="_17N16_" localSheetId="8">#REF!</definedName>
    <definedName name="_17N16_" localSheetId="2">#REF!</definedName>
    <definedName name="_17N16_">#REF!</definedName>
    <definedName name="_18" localSheetId="4">#REF!</definedName>
    <definedName name="_18" localSheetId="5">#REF!</definedName>
    <definedName name="_18" localSheetId="6">#REF!</definedName>
    <definedName name="_18" localSheetId="7">#REF!</definedName>
    <definedName name="_18" localSheetId="8">#REF!</definedName>
    <definedName name="_18" localSheetId="2">#REF!</definedName>
    <definedName name="_18">#REF!</definedName>
    <definedName name="_18N17_" localSheetId="4">#REF!</definedName>
    <definedName name="_18N17_" localSheetId="5">#REF!</definedName>
    <definedName name="_18N17_" localSheetId="6">#REF!</definedName>
    <definedName name="_18N17_" localSheetId="7">#REF!</definedName>
    <definedName name="_18N17_" localSheetId="8">#REF!</definedName>
    <definedName name="_18N17_" localSheetId="2">#REF!</definedName>
    <definedName name="_18N17_">#REF!</definedName>
    <definedName name="_19" localSheetId="4">#REF!</definedName>
    <definedName name="_19" localSheetId="5">#REF!</definedName>
    <definedName name="_19" localSheetId="6">#REF!</definedName>
    <definedName name="_19" localSheetId="7">#REF!</definedName>
    <definedName name="_19" localSheetId="8">#REF!</definedName>
    <definedName name="_19" localSheetId="2">#REF!</definedName>
    <definedName name="_19">#REF!</definedName>
    <definedName name="_19N18_" localSheetId="4">#REF!</definedName>
    <definedName name="_19N18_" localSheetId="5">#REF!</definedName>
    <definedName name="_19N18_" localSheetId="6">#REF!</definedName>
    <definedName name="_19N18_" localSheetId="7">#REF!</definedName>
    <definedName name="_19N18_" localSheetId="8">#REF!</definedName>
    <definedName name="_19N18_" localSheetId="2">#REF!</definedName>
    <definedName name="_19N18_">#REF!</definedName>
    <definedName name="_1ｂ９_" localSheetId="4">#REF!</definedName>
    <definedName name="_1ｂ９_" localSheetId="5">#REF!</definedName>
    <definedName name="_1ｂ９_" localSheetId="6">#REF!</definedName>
    <definedName name="_1ｂ９_" localSheetId="7">#REF!</definedName>
    <definedName name="_1ｂ９_" localSheetId="8">#REF!</definedName>
    <definedName name="_1ｂ９_" localSheetId="2">#REF!</definedName>
    <definedName name="_1ｂ９_">#REF!</definedName>
    <definedName name="_1d2_" localSheetId="4">[1]!ピクチャ5_Click</definedName>
    <definedName name="_1d2_" localSheetId="5">[1]!ピクチャ5_Click</definedName>
    <definedName name="_1d2_" localSheetId="6">[1]!ピクチャ5_Click</definedName>
    <definedName name="_1d2_" localSheetId="7">[1]!ピクチャ5_Click</definedName>
    <definedName name="_1d2_" localSheetId="8">[1]!ピクチャ5_Click</definedName>
    <definedName name="_1d2_" localSheetId="2">[1]!ピクチャ5_Click</definedName>
    <definedName name="_1d2_">[1]!ピクチャ5_Click</definedName>
    <definedName name="_1Print_Area_02__4" localSheetId="4">#REF!</definedName>
    <definedName name="_1Print_Area_02__4" localSheetId="5">#REF!</definedName>
    <definedName name="_1Print_Area_02__4" localSheetId="6">#REF!</definedName>
    <definedName name="_1Print_Area_02__4" localSheetId="7">#REF!</definedName>
    <definedName name="_1Print_Area_02__4" localSheetId="8">#REF!</definedName>
    <definedName name="_1Print_Area_02__4" localSheetId="2">#REF!</definedName>
    <definedName name="_1Print_Area_02__4">#REF!</definedName>
    <definedName name="_2" localSheetId="4">#REF!</definedName>
    <definedName name="_2" localSheetId="5">#REF!</definedName>
    <definedName name="_2" localSheetId="6">#REF!</definedName>
    <definedName name="_2" localSheetId="7">#REF!</definedName>
    <definedName name="_2" localSheetId="8">#REF!</definedName>
    <definedName name="_2" localSheetId="0">#REF!</definedName>
    <definedName name="_2" localSheetId="2">#REF!</definedName>
    <definedName name="_2">#REF!</definedName>
    <definedName name="_2.0×2___1.08×2___×_2.95" localSheetId="4">#REF!</definedName>
    <definedName name="_2.0×2___1.08×2___×_2.95" localSheetId="5">#REF!</definedName>
    <definedName name="_2.0×2___1.08×2___×_2.95" localSheetId="6">#REF!</definedName>
    <definedName name="_2.0×2___1.08×2___×_2.95" localSheetId="7">#REF!</definedName>
    <definedName name="_2.0×2___1.08×2___×_2.95" localSheetId="8">#REF!</definedName>
    <definedName name="_2.0×2___1.08×2___×_2.95" localSheetId="0">#REF!</definedName>
    <definedName name="_2.0×2___1.08×2___×_2.95" localSheetId="2">#REF!</definedName>
    <definedName name="_2.0×2___1.08×2___×_2.95">#REF!</definedName>
    <definedName name="_20" localSheetId="4">#REF!</definedName>
    <definedName name="_20" localSheetId="5">#REF!</definedName>
    <definedName name="_20" localSheetId="6">#REF!</definedName>
    <definedName name="_20" localSheetId="7">#REF!</definedName>
    <definedName name="_20" localSheetId="8">#REF!</definedName>
    <definedName name="_20" localSheetId="2">#REF!</definedName>
    <definedName name="_20">#REF!</definedName>
    <definedName name="_20N19_" localSheetId="4">#REF!</definedName>
    <definedName name="_20N19_" localSheetId="5">#REF!</definedName>
    <definedName name="_20N19_" localSheetId="6">#REF!</definedName>
    <definedName name="_20N19_" localSheetId="7">#REF!</definedName>
    <definedName name="_20N19_" localSheetId="8">#REF!</definedName>
    <definedName name="_20N19_" localSheetId="2">#REF!</definedName>
    <definedName name="_20N19_">#REF!</definedName>
    <definedName name="_21" localSheetId="4">#REF!</definedName>
    <definedName name="_21" localSheetId="5">#REF!</definedName>
    <definedName name="_21" localSheetId="6">#REF!</definedName>
    <definedName name="_21" localSheetId="7">#REF!</definedName>
    <definedName name="_21" localSheetId="8">#REF!</definedName>
    <definedName name="_21" localSheetId="2">#REF!</definedName>
    <definedName name="_21">#REF!</definedName>
    <definedName name="_216" localSheetId="4">#REF!</definedName>
    <definedName name="_216" localSheetId="5">#REF!</definedName>
    <definedName name="_216" localSheetId="6">#REF!</definedName>
    <definedName name="_216" localSheetId="7">#REF!</definedName>
    <definedName name="_216" localSheetId="8">#REF!</definedName>
    <definedName name="_216" localSheetId="2">#REF!</definedName>
    <definedName name="_216">#REF!</definedName>
    <definedName name="_217" localSheetId="4">#REF!</definedName>
    <definedName name="_217" localSheetId="5">#REF!</definedName>
    <definedName name="_217" localSheetId="6">#REF!</definedName>
    <definedName name="_217" localSheetId="7">#REF!</definedName>
    <definedName name="_217" localSheetId="8">#REF!</definedName>
    <definedName name="_217" localSheetId="2">#REF!</definedName>
    <definedName name="_217">#REF!</definedName>
    <definedName name="_218" localSheetId="4">#REF!</definedName>
    <definedName name="_218" localSheetId="5">#REF!</definedName>
    <definedName name="_218" localSheetId="6">#REF!</definedName>
    <definedName name="_218" localSheetId="7">#REF!</definedName>
    <definedName name="_218" localSheetId="8">#REF!</definedName>
    <definedName name="_218" localSheetId="2">#REF!</definedName>
    <definedName name="_218">#REF!</definedName>
    <definedName name="_219" localSheetId="4">#REF!</definedName>
    <definedName name="_219" localSheetId="5">#REF!</definedName>
    <definedName name="_219" localSheetId="6">#REF!</definedName>
    <definedName name="_219" localSheetId="7">#REF!</definedName>
    <definedName name="_219" localSheetId="8">#REF!</definedName>
    <definedName name="_219" localSheetId="2">#REF!</definedName>
    <definedName name="_219">#REF!</definedName>
    <definedName name="_22" localSheetId="4">#REF!</definedName>
    <definedName name="_22" localSheetId="5">#REF!</definedName>
    <definedName name="_22" localSheetId="6">#REF!</definedName>
    <definedName name="_22" localSheetId="7">#REF!</definedName>
    <definedName name="_22" localSheetId="8">#REF!</definedName>
    <definedName name="_22" localSheetId="2">#REF!</definedName>
    <definedName name="_22">#REF!</definedName>
    <definedName name="_220" localSheetId="4">#REF!</definedName>
    <definedName name="_220" localSheetId="5">#REF!</definedName>
    <definedName name="_220" localSheetId="6">#REF!</definedName>
    <definedName name="_220" localSheetId="7">#REF!</definedName>
    <definedName name="_220" localSheetId="8">#REF!</definedName>
    <definedName name="_220" localSheetId="2">#REF!</definedName>
    <definedName name="_220">#REF!</definedName>
    <definedName name="_221" localSheetId="4">#REF!</definedName>
    <definedName name="_221" localSheetId="5">#REF!</definedName>
    <definedName name="_221" localSheetId="6">#REF!</definedName>
    <definedName name="_221" localSheetId="7">#REF!</definedName>
    <definedName name="_221" localSheetId="8">#REF!</definedName>
    <definedName name="_221" localSheetId="2">#REF!</definedName>
    <definedName name="_221">#REF!</definedName>
    <definedName name="_222" localSheetId="4">#REF!</definedName>
    <definedName name="_222" localSheetId="5">#REF!</definedName>
    <definedName name="_222" localSheetId="6">#REF!</definedName>
    <definedName name="_222" localSheetId="7">#REF!</definedName>
    <definedName name="_222" localSheetId="8">#REF!</definedName>
    <definedName name="_222" localSheetId="2">#REF!</definedName>
    <definedName name="_222">#REF!</definedName>
    <definedName name="_223" localSheetId="4">#REF!</definedName>
    <definedName name="_223" localSheetId="5">#REF!</definedName>
    <definedName name="_223" localSheetId="6">#REF!</definedName>
    <definedName name="_223" localSheetId="7">#REF!</definedName>
    <definedName name="_223" localSheetId="8">#REF!</definedName>
    <definedName name="_223" localSheetId="2">#REF!</definedName>
    <definedName name="_223">#REF!</definedName>
    <definedName name="_22N2_" localSheetId="4">#REF!</definedName>
    <definedName name="_22N2_" localSheetId="5">#REF!</definedName>
    <definedName name="_22N2_" localSheetId="6">#REF!</definedName>
    <definedName name="_22N2_" localSheetId="7">#REF!</definedName>
    <definedName name="_22N2_" localSheetId="8">#REF!</definedName>
    <definedName name="_22N2_" localSheetId="2">#REF!</definedName>
    <definedName name="_22N2_">#REF!</definedName>
    <definedName name="_23" localSheetId="4">#REF!</definedName>
    <definedName name="_23" localSheetId="5">#REF!</definedName>
    <definedName name="_23" localSheetId="6">#REF!</definedName>
    <definedName name="_23" localSheetId="7">#REF!</definedName>
    <definedName name="_23" localSheetId="8">#REF!</definedName>
    <definedName name="_23" localSheetId="2">#REF!</definedName>
    <definedName name="_23">#REF!</definedName>
    <definedName name="_23N20_" localSheetId="4">#REF!</definedName>
    <definedName name="_23N20_" localSheetId="5">#REF!</definedName>
    <definedName name="_23N20_" localSheetId="6">#REF!</definedName>
    <definedName name="_23N20_" localSheetId="7">#REF!</definedName>
    <definedName name="_23N20_" localSheetId="8">#REF!</definedName>
    <definedName name="_23N20_" localSheetId="2">#REF!</definedName>
    <definedName name="_23N20_">#REF!</definedName>
    <definedName name="_24N21_" localSheetId="4">#REF!</definedName>
    <definedName name="_24N21_" localSheetId="5">#REF!</definedName>
    <definedName name="_24N21_" localSheetId="6">#REF!</definedName>
    <definedName name="_24N21_" localSheetId="7">#REF!</definedName>
    <definedName name="_24N21_" localSheetId="8">#REF!</definedName>
    <definedName name="_24N21_" localSheetId="2">#REF!</definedName>
    <definedName name="_24N21_">#REF!</definedName>
    <definedName name="_25N22_" localSheetId="4">#REF!</definedName>
    <definedName name="_25N22_" localSheetId="5">#REF!</definedName>
    <definedName name="_25N22_" localSheetId="6">#REF!</definedName>
    <definedName name="_25N22_" localSheetId="7">#REF!</definedName>
    <definedName name="_25N22_" localSheetId="8">#REF!</definedName>
    <definedName name="_25N22_" localSheetId="2">#REF!</definedName>
    <definedName name="_25N22_">#REF!</definedName>
    <definedName name="_26N23_" localSheetId="4">#REF!</definedName>
    <definedName name="_26N23_" localSheetId="5">#REF!</definedName>
    <definedName name="_26N23_" localSheetId="6">#REF!</definedName>
    <definedName name="_26N23_" localSheetId="7">#REF!</definedName>
    <definedName name="_26N23_" localSheetId="8">#REF!</definedName>
    <definedName name="_26N23_" localSheetId="2">#REF!</definedName>
    <definedName name="_26N23_">#REF!</definedName>
    <definedName name="_27N24_" localSheetId="4">#REF!</definedName>
    <definedName name="_27N24_" localSheetId="5">#REF!</definedName>
    <definedName name="_27N24_" localSheetId="6">#REF!</definedName>
    <definedName name="_27N24_" localSheetId="7">#REF!</definedName>
    <definedName name="_27N24_" localSheetId="8">#REF!</definedName>
    <definedName name="_27N24_" localSheetId="2">#REF!</definedName>
    <definedName name="_27N24_">#REF!</definedName>
    <definedName name="_28N25_" localSheetId="4">#REF!</definedName>
    <definedName name="_28N25_" localSheetId="5">#REF!</definedName>
    <definedName name="_28N25_" localSheetId="6">#REF!</definedName>
    <definedName name="_28N25_" localSheetId="7">#REF!</definedName>
    <definedName name="_28N25_" localSheetId="8">#REF!</definedName>
    <definedName name="_28N25_" localSheetId="2">#REF!</definedName>
    <definedName name="_28N25_">#REF!</definedName>
    <definedName name="_29N26_" localSheetId="4">#REF!</definedName>
    <definedName name="_29N26_" localSheetId="5">#REF!</definedName>
    <definedName name="_29N26_" localSheetId="6">#REF!</definedName>
    <definedName name="_29N26_" localSheetId="7">#REF!</definedName>
    <definedName name="_29N26_" localSheetId="8">#REF!</definedName>
    <definedName name="_29N26_" localSheetId="2">#REF!</definedName>
    <definedName name="_29N26_">#REF!</definedName>
    <definedName name="_2ページまで" localSheetId="4">#REF!</definedName>
    <definedName name="_2ページまで" localSheetId="5">#REF!</definedName>
    <definedName name="_2ページまで" localSheetId="6">#REF!</definedName>
    <definedName name="_2ページまで" localSheetId="7">#REF!</definedName>
    <definedName name="_2ページまで" localSheetId="8">#REF!</definedName>
    <definedName name="_2ページまで" localSheetId="2">#REF!</definedName>
    <definedName name="_2ページまで">#REF!</definedName>
    <definedName name="_2印刷範囲_2" localSheetId="4">#REF!</definedName>
    <definedName name="_2印刷範囲_2" localSheetId="5">#REF!</definedName>
    <definedName name="_2印刷範囲_2" localSheetId="6">#REF!</definedName>
    <definedName name="_2印刷範囲_2" localSheetId="7">#REF!</definedName>
    <definedName name="_2印刷範囲_2" localSheetId="8">#REF!</definedName>
    <definedName name="_2印刷範囲_2" localSheetId="2">#REF!</definedName>
    <definedName name="_2印刷範囲_2">#REF!</definedName>
    <definedName name="_2号明細書_M" localSheetId="4">#REF!</definedName>
    <definedName name="_2号明細書_M" localSheetId="5">#REF!</definedName>
    <definedName name="_2号明細書_M" localSheetId="6">#REF!</definedName>
    <definedName name="_2号明細書_M" localSheetId="7">#REF!</definedName>
    <definedName name="_2号明細書_M" localSheetId="8">#REF!</definedName>
    <definedName name="_2号明細書_M" localSheetId="2">#REF!</definedName>
    <definedName name="_2号明細書_M">#REF!</definedName>
    <definedName name="_3" localSheetId="4">#REF!</definedName>
    <definedName name="_3" localSheetId="5">#REF!</definedName>
    <definedName name="_3" localSheetId="6">#REF!</definedName>
    <definedName name="_3" localSheetId="7">#REF!</definedName>
    <definedName name="_3" localSheetId="8">#REF!</definedName>
    <definedName name="_3" localSheetId="0">#REF!</definedName>
    <definedName name="_3" localSheetId="2">#REF!</definedName>
    <definedName name="_3">#REF!</definedName>
    <definedName name="_30N27_" localSheetId="4">#REF!</definedName>
    <definedName name="_30N27_" localSheetId="5">#REF!</definedName>
    <definedName name="_30N27_" localSheetId="6">#REF!</definedName>
    <definedName name="_30N27_" localSheetId="7">#REF!</definedName>
    <definedName name="_30N27_" localSheetId="8">#REF!</definedName>
    <definedName name="_30N27_" localSheetId="2">#REF!</definedName>
    <definedName name="_30N27_">#REF!</definedName>
    <definedName name="_31N28_" localSheetId="4">#REF!</definedName>
    <definedName name="_31N28_" localSheetId="5">#REF!</definedName>
    <definedName name="_31N28_" localSheetId="6">#REF!</definedName>
    <definedName name="_31N28_" localSheetId="7">#REF!</definedName>
    <definedName name="_31N28_" localSheetId="8">#REF!</definedName>
    <definedName name="_31N28_" localSheetId="2">#REF!</definedName>
    <definedName name="_31N28_">#REF!</definedName>
    <definedName name="_32N29_" localSheetId="4">#REF!</definedName>
    <definedName name="_32N29_" localSheetId="5">#REF!</definedName>
    <definedName name="_32N29_" localSheetId="6">#REF!</definedName>
    <definedName name="_32N29_" localSheetId="7">#REF!</definedName>
    <definedName name="_32N29_" localSheetId="8">#REF!</definedName>
    <definedName name="_32N29_" localSheetId="2">#REF!</definedName>
    <definedName name="_32N29_">#REF!</definedName>
    <definedName name="_33" localSheetId="4">#REF!</definedName>
    <definedName name="_33" localSheetId="5">#REF!</definedName>
    <definedName name="_33" localSheetId="6">#REF!</definedName>
    <definedName name="_33" localSheetId="7">#REF!</definedName>
    <definedName name="_33" localSheetId="8">#REF!</definedName>
    <definedName name="_33" localSheetId="2">#REF!</definedName>
    <definedName name="_33">#REF!</definedName>
    <definedName name="_34N3_" localSheetId="4">#REF!</definedName>
    <definedName name="_34N3_" localSheetId="5">#REF!</definedName>
    <definedName name="_34N3_" localSheetId="6">#REF!</definedName>
    <definedName name="_34N3_" localSheetId="7">#REF!</definedName>
    <definedName name="_34N3_" localSheetId="8">#REF!</definedName>
    <definedName name="_34N3_" localSheetId="2">#REF!</definedName>
    <definedName name="_34N3_">#REF!</definedName>
    <definedName name="_35N30_" localSheetId="4">#REF!</definedName>
    <definedName name="_35N30_" localSheetId="5">#REF!</definedName>
    <definedName name="_35N30_" localSheetId="6">#REF!</definedName>
    <definedName name="_35N30_" localSheetId="7">#REF!</definedName>
    <definedName name="_35N30_" localSheetId="8">#REF!</definedName>
    <definedName name="_35N30_" localSheetId="2">#REF!</definedName>
    <definedName name="_35N30_">#REF!</definedName>
    <definedName name="_36N31_" localSheetId="4">#REF!</definedName>
    <definedName name="_36N31_" localSheetId="5">#REF!</definedName>
    <definedName name="_36N31_" localSheetId="6">#REF!</definedName>
    <definedName name="_36N31_" localSheetId="7">#REF!</definedName>
    <definedName name="_36N31_" localSheetId="8">#REF!</definedName>
    <definedName name="_36N31_" localSheetId="2">#REF!</definedName>
    <definedName name="_36N31_">#REF!</definedName>
    <definedName name="_37N32_" localSheetId="4">#REF!</definedName>
    <definedName name="_37N32_" localSheetId="5">#REF!</definedName>
    <definedName name="_37N32_" localSheetId="6">#REF!</definedName>
    <definedName name="_37N32_" localSheetId="7">#REF!</definedName>
    <definedName name="_37N32_" localSheetId="8">#REF!</definedName>
    <definedName name="_37N32_" localSheetId="2">#REF!</definedName>
    <definedName name="_37N32_">#REF!</definedName>
    <definedName name="_38N33_" localSheetId="4">#REF!</definedName>
    <definedName name="_38N33_" localSheetId="5">#REF!</definedName>
    <definedName name="_38N33_" localSheetId="6">#REF!</definedName>
    <definedName name="_38N33_" localSheetId="7">#REF!</definedName>
    <definedName name="_38N33_" localSheetId="8">#REF!</definedName>
    <definedName name="_38N33_" localSheetId="2">#REF!</definedName>
    <definedName name="_38N33_">#REF!</definedName>
    <definedName name="_39N34_" localSheetId="4">#REF!</definedName>
    <definedName name="_39N34_" localSheetId="5">#REF!</definedName>
    <definedName name="_39N34_" localSheetId="6">#REF!</definedName>
    <definedName name="_39N34_" localSheetId="7">#REF!</definedName>
    <definedName name="_39N34_" localSheetId="8">#REF!</definedName>
    <definedName name="_39N34_" localSheetId="2">#REF!</definedName>
    <definedName name="_39N34_">#REF!</definedName>
    <definedName name="_3d2_" localSheetId="4">[1]!ピクチャ5_Click</definedName>
    <definedName name="_3d2_" localSheetId="5">[1]!ピクチャ5_Click</definedName>
    <definedName name="_3d2_" localSheetId="6">[1]!ピクチャ5_Click</definedName>
    <definedName name="_3d2_" localSheetId="7">[1]!ピクチャ5_Click</definedName>
    <definedName name="_3d2_" localSheetId="8">[1]!ピクチャ5_Click</definedName>
    <definedName name="_3d2_" localSheetId="2">[1]!ピクチャ5_Click</definedName>
    <definedName name="_3d2_">[1]!ピクチャ5_Click</definedName>
    <definedName name="_3Print_Area_02" localSheetId="4">#REF!</definedName>
    <definedName name="_3Print_Area_02" localSheetId="5">#REF!</definedName>
    <definedName name="_3Print_Area_02" localSheetId="6">#REF!</definedName>
    <definedName name="_3Print_Area_02" localSheetId="7">#REF!</definedName>
    <definedName name="_3Print_Area_02" localSheetId="8">#REF!</definedName>
    <definedName name="_3Print_Area_02" localSheetId="2">#REF!</definedName>
    <definedName name="_3Print_Area_02">#REF!</definedName>
    <definedName name="_3ページまで" localSheetId="4">#REF!</definedName>
    <definedName name="_3ページまで" localSheetId="5">#REF!</definedName>
    <definedName name="_3ページまで" localSheetId="6">#REF!</definedName>
    <definedName name="_3ページまで" localSheetId="7">#REF!</definedName>
    <definedName name="_3ページまで" localSheetId="8">#REF!</definedName>
    <definedName name="_3ページまで" localSheetId="2">#REF!</definedName>
    <definedName name="_3ページまで">#REF!</definedName>
    <definedName name="_3印刷範囲_5" localSheetId="4">#REF!</definedName>
    <definedName name="_3印刷範囲_5" localSheetId="5">#REF!</definedName>
    <definedName name="_3印刷範囲_5" localSheetId="6">#REF!</definedName>
    <definedName name="_3印刷範囲_5" localSheetId="7">#REF!</definedName>
    <definedName name="_3印刷範囲_5" localSheetId="8">#REF!</definedName>
    <definedName name="_3印刷範囲_5" localSheetId="2">#REF!</definedName>
    <definedName name="_3印刷範囲_5">#REF!</definedName>
    <definedName name="_3行挿入" localSheetId="4">#REF!</definedName>
    <definedName name="_3行挿入" localSheetId="5">#REF!</definedName>
    <definedName name="_3行挿入" localSheetId="6">#REF!</definedName>
    <definedName name="_3行挿入" localSheetId="7">#REF!</definedName>
    <definedName name="_3行挿入" localSheetId="8">#REF!</definedName>
    <definedName name="_3行挿入" localSheetId="2">#REF!</definedName>
    <definedName name="_3行挿入">#REF!</definedName>
    <definedName name="_4" localSheetId="4">#REF!</definedName>
    <definedName name="_4" localSheetId="5">#REF!</definedName>
    <definedName name="_4" localSheetId="6">#REF!</definedName>
    <definedName name="_4" localSheetId="7">#REF!</definedName>
    <definedName name="_4" localSheetId="8">#REF!</definedName>
    <definedName name="_4" localSheetId="0">#REF!</definedName>
    <definedName name="_4" localSheetId="2">#REF!</definedName>
    <definedName name="_4">#REF!</definedName>
    <definedName name="_4_" localSheetId="4">'[5]#REF'!#REF!</definedName>
    <definedName name="_4_" localSheetId="5">'[5]#REF'!#REF!</definedName>
    <definedName name="_4_" localSheetId="6">'[5]#REF'!#REF!</definedName>
    <definedName name="_4_" localSheetId="7">'[5]#REF'!#REF!</definedName>
    <definedName name="_4_" localSheetId="8">'[5]#REF'!#REF!</definedName>
    <definedName name="_4_" localSheetId="2">'[5]#REF'!#REF!</definedName>
    <definedName name="_4_">'[5]#REF'!#REF!</definedName>
    <definedName name="_41N4_" localSheetId="4">#REF!</definedName>
    <definedName name="_41N4_" localSheetId="5">#REF!</definedName>
    <definedName name="_41N4_" localSheetId="6">#REF!</definedName>
    <definedName name="_41N4_" localSheetId="7">#REF!</definedName>
    <definedName name="_41N4_" localSheetId="8">#REF!</definedName>
    <definedName name="_41N4_" localSheetId="2">#REF!</definedName>
    <definedName name="_41N4_">#REF!</definedName>
    <definedName name="_42N5_" localSheetId="4">#REF!</definedName>
    <definedName name="_42N5_" localSheetId="5">#REF!</definedName>
    <definedName name="_42N5_" localSheetId="6">#REF!</definedName>
    <definedName name="_42N5_" localSheetId="7">#REF!</definedName>
    <definedName name="_42N5_" localSheetId="8">#REF!</definedName>
    <definedName name="_42N5_" localSheetId="2">#REF!</definedName>
    <definedName name="_42N5_">#REF!</definedName>
    <definedName name="_43N6_" localSheetId="4">#REF!</definedName>
    <definedName name="_43N6_" localSheetId="5">#REF!</definedName>
    <definedName name="_43N6_" localSheetId="6">#REF!</definedName>
    <definedName name="_43N6_" localSheetId="7">#REF!</definedName>
    <definedName name="_43N6_" localSheetId="8">#REF!</definedName>
    <definedName name="_43N6_" localSheetId="2">#REF!</definedName>
    <definedName name="_43N6_">#REF!</definedName>
    <definedName name="_44" localSheetId="4">#REF!</definedName>
    <definedName name="_44" localSheetId="5">#REF!</definedName>
    <definedName name="_44" localSheetId="6">#REF!</definedName>
    <definedName name="_44" localSheetId="7">#REF!</definedName>
    <definedName name="_44" localSheetId="8">#REF!</definedName>
    <definedName name="_44" localSheetId="2">#REF!</definedName>
    <definedName name="_44">#REF!</definedName>
    <definedName name="_44N7_" localSheetId="4">#REF!</definedName>
    <definedName name="_44N7_" localSheetId="5">#REF!</definedName>
    <definedName name="_44N7_" localSheetId="6">#REF!</definedName>
    <definedName name="_44N7_" localSheetId="7">#REF!</definedName>
    <definedName name="_44N7_" localSheetId="8">#REF!</definedName>
    <definedName name="_44N7_" localSheetId="2">#REF!</definedName>
    <definedName name="_44N7_">#REF!</definedName>
    <definedName name="_45N8_" localSheetId="4">#REF!</definedName>
    <definedName name="_45N8_" localSheetId="5">#REF!</definedName>
    <definedName name="_45N8_" localSheetId="6">#REF!</definedName>
    <definedName name="_45N8_" localSheetId="7">#REF!</definedName>
    <definedName name="_45N8_" localSheetId="8">#REF!</definedName>
    <definedName name="_45N8_" localSheetId="2">#REF!</definedName>
    <definedName name="_45N8_">#REF!</definedName>
    <definedName name="_46N9_" localSheetId="4">#REF!</definedName>
    <definedName name="_46N9_" localSheetId="5">#REF!</definedName>
    <definedName name="_46N9_" localSheetId="6">#REF!</definedName>
    <definedName name="_46N9_" localSheetId="7">#REF!</definedName>
    <definedName name="_46N9_" localSheetId="8">#REF!</definedName>
    <definedName name="_46N9_" localSheetId="2">#REF!</definedName>
    <definedName name="_46N9_">#REF!</definedName>
    <definedName name="_48V1_" localSheetId="4">#REF!</definedName>
    <definedName name="_48V1_" localSheetId="5">#REF!</definedName>
    <definedName name="_48V1_" localSheetId="6">#REF!</definedName>
    <definedName name="_48V1_" localSheetId="7">#REF!</definedName>
    <definedName name="_48V1_" localSheetId="8">#REF!</definedName>
    <definedName name="_48V1_" localSheetId="2">#REF!</definedName>
    <definedName name="_48V1_">#REF!</definedName>
    <definedName name="_49V10_" localSheetId="4">#REF!</definedName>
    <definedName name="_49V10_" localSheetId="5">#REF!</definedName>
    <definedName name="_49V10_" localSheetId="6">#REF!</definedName>
    <definedName name="_49V10_" localSheetId="7">#REF!</definedName>
    <definedName name="_49V10_" localSheetId="8">#REF!</definedName>
    <definedName name="_49V10_" localSheetId="2">#REF!</definedName>
    <definedName name="_49V10_">#REF!</definedName>
    <definedName name="_4d2_" localSheetId="4">[11]!ピクチャ5_Click</definedName>
    <definedName name="_4d2_" localSheetId="5">[11]!ピクチャ5_Click</definedName>
    <definedName name="_4d2_" localSheetId="6">[11]!ピクチャ5_Click</definedName>
    <definedName name="_4d2_" localSheetId="7">[11]!ピクチャ5_Click</definedName>
    <definedName name="_4d2_" localSheetId="8">[11]!ピクチャ5_Click</definedName>
    <definedName name="_4d2_" localSheetId="2">[11]!ピクチャ5_Click</definedName>
    <definedName name="_4d2_">[11]!ピクチャ5_Click</definedName>
    <definedName name="_4Print_Area_03" localSheetId="4">#REF!</definedName>
    <definedName name="_4Print_Area_03" localSheetId="5">#REF!</definedName>
    <definedName name="_4Print_Area_03" localSheetId="6">#REF!</definedName>
    <definedName name="_4Print_Area_03" localSheetId="7">#REF!</definedName>
    <definedName name="_4Print_Area_03" localSheetId="8">#REF!</definedName>
    <definedName name="_4Print_Area_03" localSheetId="9">#REF!</definedName>
    <definedName name="_4Print_Area_03" localSheetId="2">#REF!</definedName>
    <definedName name="_4Print_Area_03">#REF!</definedName>
    <definedName name="_4ページまで" localSheetId="4">#REF!</definedName>
    <definedName name="_4ページまで" localSheetId="5">#REF!</definedName>
    <definedName name="_4ページまで" localSheetId="6">#REF!</definedName>
    <definedName name="_4ページまで" localSheetId="7">#REF!</definedName>
    <definedName name="_4ページまで" localSheetId="8">#REF!</definedName>
    <definedName name="_4ページまで" localSheetId="2">#REF!</definedName>
    <definedName name="_4ページまで">#REF!</definedName>
    <definedName name="_4印刷範囲_6" localSheetId="4">#REF!</definedName>
    <definedName name="_4印刷範囲_6" localSheetId="5">#REF!</definedName>
    <definedName name="_4印刷範囲_6" localSheetId="6">#REF!</definedName>
    <definedName name="_4印刷範囲_6" localSheetId="7">#REF!</definedName>
    <definedName name="_4印刷範囲_6" localSheetId="8">#REF!</definedName>
    <definedName name="_4印刷範囲_6" localSheetId="2">#REF!</definedName>
    <definedName name="_4印刷範囲_6">#REF!</definedName>
    <definedName name="_5" localSheetId="4">#REF!</definedName>
    <definedName name="_5" localSheetId="5">#REF!</definedName>
    <definedName name="_5" localSheetId="6">#REF!</definedName>
    <definedName name="_5" localSheetId="7">#REF!</definedName>
    <definedName name="_5" localSheetId="8">#REF!</definedName>
    <definedName name="_5" localSheetId="0">#REF!</definedName>
    <definedName name="_5" localSheetId="2">#REF!</definedName>
    <definedName name="_5">#REF!</definedName>
    <definedName name="_50" localSheetId="4">#REF!</definedName>
    <definedName name="_50" localSheetId="5">#REF!</definedName>
    <definedName name="_50" localSheetId="6">#REF!</definedName>
    <definedName name="_50" localSheetId="7">#REF!</definedName>
    <definedName name="_50" localSheetId="8">#REF!</definedName>
    <definedName name="_50" localSheetId="2">#REF!</definedName>
    <definedName name="_50">#REF!</definedName>
    <definedName name="_50V11_" localSheetId="4">#REF!</definedName>
    <definedName name="_50V11_" localSheetId="5">#REF!</definedName>
    <definedName name="_50V11_" localSheetId="6">#REF!</definedName>
    <definedName name="_50V11_" localSheetId="7">#REF!</definedName>
    <definedName name="_50V11_" localSheetId="8">#REF!</definedName>
    <definedName name="_50V11_" localSheetId="2">#REF!</definedName>
    <definedName name="_50V11_">#REF!</definedName>
    <definedName name="_51V12_" localSheetId="4">#REF!</definedName>
    <definedName name="_51V12_" localSheetId="5">#REF!</definedName>
    <definedName name="_51V12_" localSheetId="6">#REF!</definedName>
    <definedName name="_51V12_" localSheetId="7">#REF!</definedName>
    <definedName name="_51V12_" localSheetId="8">#REF!</definedName>
    <definedName name="_51V12_" localSheetId="2">#REF!</definedName>
    <definedName name="_51V12_">#REF!</definedName>
    <definedName name="_52V13_" localSheetId="4">#REF!</definedName>
    <definedName name="_52V13_" localSheetId="5">#REF!</definedName>
    <definedName name="_52V13_" localSheetId="6">#REF!</definedName>
    <definedName name="_52V13_" localSheetId="7">#REF!</definedName>
    <definedName name="_52V13_" localSheetId="8">#REF!</definedName>
    <definedName name="_52V13_" localSheetId="2">#REF!</definedName>
    <definedName name="_52V13_">#REF!</definedName>
    <definedName name="_53V14_" localSheetId="4">#REF!</definedName>
    <definedName name="_53V14_" localSheetId="5">#REF!</definedName>
    <definedName name="_53V14_" localSheetId="6">#REF!</definedName>
    <definedName name="_53V14_" localSheetId="7">#REF!</definedName>
    <definedName name="_53V14_" localSheetId="8">#REF!</definedName>
    <definedName name="_53V14_" localSheetId="2">#REF!</definedName>
    <definedName name="_53V14_">#REF!</definedName>
    <definedName name="_54V15_" localSheetId="4">#REF!</definedName>
    <definedName name="_54V15_" localSheetId="5">#REF!</definedName>
    <definedName name="_54V15_" localSheetId="6">#REF!</definedName>
    <definedName name="_54V15_" localSheetId="7">#REF!</definedName>
    <definedName name="_54V15_" localSheetId="8">#REF!</definedName>
    <definedName name="_54V15_" localSheetId="2">#REF!</definedName>
    <definedName name="_54V15_">#REF!</definedName>
    <definedName name="_55" localSheetId="4">#REF!</definedName>
    <definedName name="_55" localSheetId="5">#REF!</definedName>
    <definedName name="_55" localSheetId="6">#REF!</definedName>
    <definedName name="_55" localSheetId="7">#REF!</definedName>
    <definedName name="_55" localSheetId="8">#REF!</definedName>
    <definedName name="_55" localSheetId="2">#REF!</definedName>
    <definedName name="_55">#REF!</definedName>
    <definedName name="_55V16_" localSheetId="4">#REF!</definedName>
    <definedName name="_55V16_" localSheetId="5">#REF!</definedName>
    <definedName name="_55V16_" localSheetId="6">#REF!</definedName>
    <definedName name="_55V16_" localSheetId="7">#REF!</definedName>
    <definedName name="_55V16_" localSheetId="8">#REF!</definedName>
    <definedName name="_55V16_" localSheetId="2">#REF!</definedName>
    <definedName name="_55V16_">#REF!</definedName>
    <definedName name="_56V17_" localSheetId="4">#REF!</definedName>
    <definedName name="_56V17_" localSheetId="5">#REF!</definedName>
    <definedName name="_56V17_" localSheetId="6">#REF!</definedName>
    <definedName name="_56V17_" localSheetId="7">#REF!</definedName>
    <definedName name="_56V17_" localSheetId="8">#REF!</definedName>
    <definedName name="_56V17_" localSheetId="2">#REF!</definedName>
    <definedName name="_56V17_">#REF!</definedName>
    <definedName name="_57V18_" localSheetId="4">#REF!</definedName>
    <definedName name="_57V18_" localSheetId="5">#REF!</definedName>
    <definedName name="_57V18_" localSheetId="6">#REF!</definedName>
    <definedName name="_57V18_" localSheetId="7">#REF!</definedName>
    <definedName name="_57V18_" localSheetId="8">#REF!</definedName>
    <definedName name="_57V18_" localSheetId="2">#REF!</definedName>
    <definedName name="_57V18_">#REF!</definedName>
    <definedName name="_58V19_" localSheetId="4">#REF!</definedName>
    <definedName name="_58V19_" localSheetId="5">#REF!</definedName>
    <definedName name="_58V19_" localSheetId="6">#REF!</definedName>
    <definedName name="_58V19_" localSheetId="7">#REF!</definedName>
    <definedName name="_58V19_" localSheetId="8">#REF!</definedName>
    <definedName name="_58V19_" localSheetId="2">#REF!</definedName>
    <definedName name="_58V19_">#REF!</definedName>
    <definedName name="_5ページまで" localSheetId="4">#REF!</definedName>
    <definedName name="_5ページまで" localSheetId="5">#REF!</definedName>
    <definedName name="_5ページまで" localSheetId="6">#REF!</definedName>
    <definedName name="_5ページまで" localSheetId="7">#REF!</definedName>
    <definedName name="_5ページまで" localSheetId="8">#REF!</definedName>
    <definedName name="_5ページまで" localSheetId="2">#REF!</definedName>
    <definedName name="_5ページまで">#REF!</definedName>
    <definedName name="_5印刷範囲_7" localSheetId="4">#REF!</definedName>
    <definedName name="_5印刷範囲_7" localSheetId="5">#REF!</definedName>
    <definedName name="_5印刷範囲_7" localSheetId="6">#REF!</definedName>
    <definedName name="_5印刷範囲_7" localSheetId="7">#REF!</definedName>
    <definedName name="_5印刷範囲_7" localSheetId="8">#REF!</definedName>
    <definedName name="_5印刷範囲_7" localSheetId="2">#REF!</definedName>
    <definedName name="_5印刷範囲_7">#REF!</definedName>
    <definedName name="_6" localSheetId="4">#REF!</definedName>
    <definedName name="_6" localSheetId="5">#REF!</definedName>
    <definedName name="_6" localSheetId="6">#REF!</definedName>
    <definedName name="_6" localSheetId="7">#REF!</definedName>
    <definedName name="_6" localSheetId="8">#REF!</definedName>
    <definedName name="_6" localSheetId="0">#REF!</definedName>
    <definedName name="_6" localSheetId="2">#REF!</definedName>
    <definedName name="_6">#REF!</definedName>
    <definedName name="_60V2_" localSheetId="4">#REF!</definedName>
    <definedName name="_60V2_" localSheetId="5">#REF!</definedName>
    <definedName name="_60V2_" localSheetId="6">#REF!</definedName>
    <definedName name="_60V2_" localSheetId="7">#REF!</definedName>
    <definedName name="_60V2_" localSheetId="8">#REF!</definedName>
    <definedName name="_60V2_" localSheetId="2">#REF!</definedName>
    <definedName name="_60V2_">#REF!</definedName>
    <definedName name="_61V20_" localSheetId="4">#REF!</definedName>
    <definedName name="_61V20_" localSheetId="5">#REF!</definedName>
    <definedName name="_61V20_" localSheetId="6">#REF!</definedName>
    <definedName name="_61V20_" localSheetId="7">#REF!</definedName>
    <definedName name="_61V20_" localSheetId="8">#REF!</definedName>
    <definedName name="_61V20_" localSheetId="2">#REF!</definedName>
    <definedName name="_61V20_">#REF!</definedName>
    <definedName name="_62V21_" localSheetId="4">#REF!</definedName>
    <definedName name="_62V21_" localSheetId="5">#REF!</definedName>
    <definedName name="_62V21_" localSheetId="6">#REF!</definedName>
    <definedName name="_62V21_" localSheetId="7">#REF!</definedName>
    <definedName name="_62V21_" localSheetId="8">#REF!</definedName>
    <definedName name="_62V21_" localSheetId="2">#REF!</definedName>
    <definedName name="_62V21_">#REF!</definedName>
    <definedName name="_63V22_" localSheetId="4">#REF!</definedName>
    <definedName name="_63V22_" localSheetId="5">#REF!</definedName>
    <definedName name="_63V22_" localSheetId="6">#REF!</definedName>
    <definedName name="_63V22_" localSheetId="7">#REF!</definedName>
    <definedName name="_63V22_" localSheetId="8">#REF!</definedName>
    <definedName name="_63V22_" localSheetId="2">#REF!</definedName>
    <definedName name="_63V22_">#REF!</definedName>
    <definedName name="_64V23_" localSheetId="4">#REF!</definedName>
    <definedName name="_64V23_" localSheetId="5">#REF!</definedName>
    <definedName name="_64V23_" localSheetId="6">#REF!</definedName>
    <definedName name="_64V23_" localSheetId="7">#REF!</definedName>
    <definedName name="_64V23_" localSheetId="8">#REF!</definedName>
    <definedName name="_64V23_" localSheetId="2">#REF!</definedName>
    <definedName name="_64V23_">#REF!</definedName>
    <definedName name="_65V24_" localSheetId="4">#REF!</definedName>
    <definedName name="_65V24_" localSheetId="5">#REF!</definedName>
    <definedName name="_65V24_" localSheetId="6">#REF!</definedName>
    <definedName name="_65V24_" localSheetId="7">#REF!</definedName>
    <definedName name="_65V24_" localSheetId="8">#REF!</definedName>
    <definedName name="_65V24_" localSheetId="2">#REF!</definedName>
    <definedName name="_65V24_">#REF!</definedName>
    <definedName name="_66" localSheetId="4">#REF!</definedName>
    <definedName name="_66" localSheetId="5">#REF!</definedName>
    <definedName name="_66" localSheetId="6">#REF!</definedName>
    <definedName name="_66" localSheetId="7">#REF!</definedName>
    <definedName name="_66" localSheetId="8">#REF!</definedName>
    <definedName name="_66" localSheetId="2">#REF!</definedName>
    <definedName name="_66">#REF!</definedName>
    <definedName name="_66V25_" localSheetId="4">#REF!</definedName>
    <definedName name="_66V25_" localSheetId="5">#REF!</definedName>
    <definedName name="_66V25_" localSheetId="6">#REF!</definedName>
    <definedName name="_66V25_" localSheetId="7">#REF!</definedName>
    <definedName name="_66V25_" localSheetId="8">#REF!</definedName>
    <definedName name="_66V25_" localSheetId="2">#REF!</definedName>
    <definedName name="_66V25_">#REF!</definedName>
    <definedName name="_67V26_" localSheetId="4">#REF!</definedName>
    <definedName name="_67V26_" localSheetId="5">#REF!</definedName>
    <definedName name="_67V26_" localSheetId="6">#REF!</definedName>
    <definedName name="_67V26_" localSheetId="7">#REF!</definedName>
    <definedName name="_67V26_" localSheetId="8">#REF!</definedName>
    <definedName name="_67V26_" localSheetId="2">#REF!</definedName>
    <definedName name="_67V26_">#REF!</definedName>
    <definedName name="_68V27_" localSheetId="4">#REF!</definedName>
    <definedName name="_68V27_" localSheetId="5">#REF!</definedName>
    <definedName name="_68V27_" localSheetId="6">#REF!</definedName>
    <definedName name="_68V27_" localSheetId="7">#REF!</definedName>
    <definedName name="_68V27_" localSheetId="8">#REF!</definedName>
    <definedName name="_68V27_" localSheetId="2">#REF!</definedName>
    <definedName name="_68V27_">#REF!</definedName>
    <definedName name="_69V28_" localSheetId="4">#REF!</definedName>
    <definedName name="_69V28_" localSheetId="5">#REF!</definedName>
    <definedName name="_69V28_" localSheetId="6">#REF!</definedName>
    <definedName name="_69V28_" localSheetId="7">#REF!</definedName>
    <definedName name="_69V28_" localSheetId="8">#REF!</definedName>
    <definedName name="_69V28_" localSheetId="2">#REF!</definedName>
    <definedName name="_69V28_">#REF!</definedName>
    <definedName name="_6ページまで" localSheetId="4">#REF!</definedName>
    <definedName name="_6ページまで" localSheetId="5">#REF!</definedName>
    <definedName name="_6ページまで" localSheetId="6">#REF!</definedName>
    <definedName name="_6ページまで" localSheetId="7">#REF!</definedName>
    <definedName name="_6ページまで" localSheetId="8">#REF!</definedName>
    <definedName name="_6ページまで" localSheetId="2">#REF!</definedName>
    <definedName name="_6ページまで">#REF!</definedName>
    <definedName name="_7" localSheetId="4">#REF!</definedName>
    <definedName name="_7" localSheetId="5">#REF!</definedName>
    <definedName name="_7" localSheetId="6">#REF!</definedName>
    <definedName name="_7" localSheetId="7">#REF!</definedName>
    <definedName name="_7" localSheetId="8">#REF!</definedName>
    <definedName name="_7" localSheetId="0">#REF!</definedName>
    <definedName name="_7" localSheetId="2">#REF!</definedName>
    <definedName name="_7">#REF!</definedName>
    <definedName name="_70V29_" localSheetId="4">#REF!</definedName>
    <definedName name="_70V29_" localSheetId="5">#REF!</definedName>
    <definedName name="_70V29_" localSheetId="6">#REF!</definedName>
    <definedName name="_70V29_" localSheetId="7">#REF!</definedName>
    <definedName name="_70V29_" localSheetId="8">#REF!</definedName>
    <definedName name="_70V29_" localSheetId="2">#REF!</definedName>
    <definedName name="_70V29_">#REF!</definedName>
    <definedName name="_72V3_" localSheetId="4">#REF!</definedName>
    <definedName name="_72V3_" localSheetId="5">#REF!</definedName>
    <definedName name="_72V3_" localSheetId="6">#REF!</definedName>
    <definedName name="_72V3_" localSheetId="7">#REF!</definedName>
    <definedName name="_72V3_" localSheetId="8">#REF!</definedName>
    <definedName name="_72V3_" localSheetId="2">#REF!</definedName>
    <definedName name="_72V3_">#REF!</definedName>
    <definedName name="_73V30_" localSheetId="4">#REF!</definedName>
    <definedName name="_73V30_" localSheetId="5">#REF!</definedName>
    <definedName name="_73V30_" localSheetId="6">#REF!</definedName>
    <definedName name="_73V30_" localSheetId="7">#REF!</definedName>
    <definedName name="_73V30_" localSheetId="8">#REF!</definedName>
    <definedName name="_73V30_" localSheetId="2">#REF!</definedName>
    <definedName name="_73V30_">#REF!</definedName>
    <definedName name="_74V31_" localSheetId="4">#REF!</definedName>
    <definedName name="_74V31_" localSheetId="5">#REF!</definedName>
    <definedName name="_74V31_" localSheetId="6">#REF!</definedName>
    <definedName name="_74V31_" localSheetId="7">#REF!</definedName>
    <definedName name="_74V31_" localSheetId="8">#REF!</definedName>
    <definedName name="_74V31_" localSheetId="2">#REF!</definedName>
    <definedName name="_74V31_">#REF!</definedName>
    <definedName name="_75V32_" localSheetId="4">#REF!</definedName>
    <definedName name="_75V32_" localSheetId="5">#REF!</definedName>
    <definedName name="_75V32_" localSheetId="6">#REF!</definedName>
    <definedName name="_75V32_" localSheetId="7">#REF!</definedName>
    <definedName name="_75V32_" localSheetId="8">#REF!</definedName>
    <definedName name="_75V32_" localSheetId="2">#REF!</definedName>
    <definedName name="_75V32_">#REF!</definedName>
    <definedName name="_76V33_" localSheetId="4">#REF!</definedName>
    <definedName name="_76V33_" localSheetId="5">#REF!</definedName>
    <definedName name="_76V33_" localSheetId="6">#REF!</definedName>
    <definedName name="_76V33_" localSheetId="7">#REF!</definedName>
    <definedName name="_76V33_" localSheetId="8">#REF!</definedName>
    <definedName name="_76V33_" localSheetId="2">#REF!</definedName>
    <definedName name="_76V33_">#REF!</definedName>
    <definedName name="_77V34_" localSheetId="4">#REF!</definedName>
    <definedName name="_77V34_" localSheetId="5">#REF!</definedName>
    <definedName name="_77V34_" localSheetId="6">#REF!</definedName>
    <definedName name="_77V34_" localSheetId="7">#REF!</definedName>
    <definedName name="_77V34_" localSheetId="8">#REF!</definedName>
    <definedName name="_77V34_" localSheetId="2">#REF!</definedName>
    <definedName name="_77V34_">#REF!</definedName>
    <definedName name="_78V35_" localSheetId="4">#REF!</definedName>
    <definedName name="_78V35_" localSheetId="5">#REF!</definedName>
    <definedName name="_78V35_" localSheetId="6">#REF!</definedName>
    <definedName name="_78V35_" localSheetId="7">#REF!</definedName>
    <definedName name="_78V35_" localSheetId="8">#REF!</definedName>
    <definedName name="_78V35_" localSheetId="2">#REF!</definedName>
    <definedName name="_78V35_">#REF!</definedName>
    <definedName name="_79V36_" localSheetId="4">#REF!</definedName>
    <definedName name="_79V36_" localSheetId="5">#REF!</definedName>
    <definedName name="_79V36_" localSheetId="6">#REF!</definedName>
    <definedName name="_79V36_" localSheetId="7">#REF!</definedName>
    <definedName name="_79V36_" localSheetId="8">#REF!</definedName>
    <definedName name="_79V36_" localSheetId="2">#REF!</definedName>
    <definedName name="_79V36_">#REF!</definedName>
    <definedName name="_7ページまで" localSheetId="4">#REF!</definedName>
    <definedName name="_7ページまで" localSheetId="5">#REF!</definedName>
    <definedName name="_7ページまで" localSheetId="6">#REF!</definedName>
    <definedName name="_7ページまで" localSheetId="7">#REF!</definedName>
    <definedName name="_7ページまで" localSheetId="8">#REF!</definedName>
    <definedName name="_7ページまで" localSheetId="2">#REF!</definedName>
    <definedName name="_7ページまで">#REF!</definedName>
    <definedName name="_8" localSheetId="4">#REF!</definedName>
    <definedName name="_8" localSheetId="5">#REF!</definedName>
    <definedName name="_8" localSheetId="6">#REF!</definedName>
    <definedName name="_8" localSheetId="7">#REF!</definedName>
    <definedName name="_8" localSheetId="8">#REF!</definedName>
    <definedName name="_8" localSheetId="0">#REF!</definedName>
    <definedName name="_8" localSheetId="2">#REF!</definedName>
    <definedName name="_8">#REF!</definedName>
    <definedName name="_80V37_" localSheetId="4">#REF!</definedName>
    <definedName name="_80V37_" localSheetId="5">#REF!</definedName>
    <definedName name="_80V37_" localSheetId="6">#REF!</definedName>
    <definedName name="_80V37_" localSheetId="7">#REF!</definedName>
    <definedName name="_80V37_" localSheetId="8">#REF!</definedName>
    <definedName name="_80V37_" localSheetId="2">#REF!</definedName>
    <definedName name="_80V37_">#REF!</definedName>
    <definedName name="_81V38_" localSheetId="4">#REF!</definedName>
    <definedName name="_81V38_" localSheetId="5">#REF!</definedName>
    <definedName name="_81V38_" localSheetId="6">#REF!</definedName>
    <definedName name="_81V38_" localSheetId="7">#REF!</definedName>
    <definedName name="_81V38_" localSheetId="8">#REF!</definedName>
    <definedName name="_81V38_" localSheetId="2">#REF!</definedName>
    <definedName name="_81V38_">#REF!</definedName>
    <definedName name="_83V4_" localSheetId="4">#REF!</definedName>
    <definedName name="_83V4_" localSheetId="5">#REF!</definedName>
    <definedName name="_83V4_" localSheetId="6">#REF!</definedName>
    <definedName name="_83V4_" localSheetId="7">#REF!</definedName>
    <definedName name="_83V4_" localSheetId="8">#REF!</definedName>
    <definedName name="_83V4_" localSheetId="2">#REF!</definedName>
    <definedName name="_83V4_">#REF!</definedName>
    <definedName name="_84V5_" localSheetId="4">#REF!</definedName>
    <definedName name="_84V5_" localSheetId="5">#REF!</definedName>
    <definedName name="_84V5_" localSheetId="6">#REF!</definedName>
    <definedName name="_84V5_" localSheetId="7">#REF!</definedName>
    <definedName name="_84V5_" localSheetId="8">#REF!</definedName>
    <definedName name="_84V5_" localSheetId="2">#REF!</definedName>
    <definedName name="_84V5_">#REF!</definedName>
    <definedName name="_850" localSheetId="4">#REF!</definedName>
    <definedName name="_850" localSheetId="5">#REF!</definedName>
    <definedName name="_850" localSheetId="6">#REF!</definedName>
    <definedName name="_850" localSheetId="7">#REF!</definedName>
    <definedName name="_850" localSheetId="8">#REF!</definedName>
    <definedName name="_850" localSheetId="2">#REF!</definedName>
    <definedName name="_850">#REF!</definedName>
    <definedName name="_85V6_" localSheetId="4">#REF!</definedName>
    <definedName name="_85V6_" localSheetId="5">#REF!</definedName>
    <definedName name="_85V6_" localSheetId="6">#REF!</definedName>
    <definedName name="_85V6_" localSheetId="7">#REF!</definedName>
    <definedName name="_85V6_" localSheetId="8">#REF!</definedName>
    <definedName name="_85V6_" localSheetId="2">#REF!</definedName>
    <definedName name="_85V6_">#REF!</definedName>
    <definedName name="_86V7_" localSheetId="4">#REF!</definedName>
    <definedName name="_86V7_" localSheetId="5">#REF!</definedName>
    <definedName name="_86V7_" localSheetId="6">#REF!</definedName>
    <definedName name="_86V7_" localSheetId="7">#REF!</definedName>
    <definedName name="_86V7_" localSheetId="8">#REF!</definedName>
    <definedName name="_86V7_" localSheetId="2">#REF!</definedName>
    <definedName name="_86V7_">#REF!</definedName>
    <definedName name="_87V8_" localSheetId="4">#REF!</definedName>
    <definedName name="_87V8_" localSheetId="5">#REF!</definedName>
    <definedName name="_87V8_" localSheetId="6">#REF!</definedName>
    <definedName name="_87V8_" localSheetId="7">#REF!</definedName>
    <definedName name="_87V8_" localSheetId="8">#REF!</definedName>
    <definedName name="_87V8_" localSheetId="2">#REF!</definedName>
    <definedName name="_87V8_">#REF!</definedName>
    <definedName name="_88" localSheetId="4">#REF!</definedName>
    <definedName name="_88" localSheetId="5">#REF!</definedName>
    <definedName name="_88" localSheetId="6">#REF!</definedName>
    <definedName name="_88" localSheetId="7">#REF!</definedName>
    <definedName name="_88" localSheetId="8">#REF!</definedName>
    <definedName name="_88" localSheetId="2">#REF!</definedName>
    <definedName name="_88">#REF!</definedName>
    <definedName name="_88V9_" localSheetId="4">#REF!</definedName>
    <definedName name="_88V9_" localSheetId="5">#REF!</definedName>
    <definedName name="_88V9_" localSheetId="6">#REF!</definedName>
    <definedName name="_88V9_" localSheetId="7">#REF!</definedName>
    <definedName name="_88V9_" localSheetId="8">#REF!</definedName>
    <definedName name="_88V9_" localSheetId="2">#REF!</definedName>
    <definedName name="_88V9_">#REF!</definedName>
    <definedName name="_8A1_" localSheetId="4">'[5]#REF'!#REF!</definedName>
    <definedName name="_8A1_" localSheetId="5">'[5]#REF'!#REF!</definedName>
    <definedName name="_8A1_" localSheetId="6">'[5]#REF'!#REF!</definedName>
    <definedName name="_8A1_" localSheetId="7">'[5]#REF'!#REF!</definedName>
    <definedName name="_8A1_" localSheetId="8">'[5]#REF'!#REF!</definedName>
    <definedName name="_8A1_" localSheetId="2">'[5]#REF'!#REF!</definedName>
    <definedName name="_8A1_">'[5]#REF'!#REF!</definedName>
    <definedName name="_9" localSheetId="4">#REF!</definedName>
    <definedName name="_9" localSheetId="5">#REF!</definedName>
    <definedName name="_9" localSheetId="6">#REF!</definedName>
    <definedName name="_9" localSheetId="7">#REF!</definedName>
    <definedName name="_9" localSheetId="8">#REF!</definedName>
    <definedName name="_9" localSheetId="0">#REF!</definedName>
    <definedName name="_9" localSheetId="2">#REF!</definedName>
    <definedName name="_9">#REF!</definedName>
    <definedName name="_99" localSheetId="4">#REF!</definedName>
    <definedName name="_99" localSheetId="5">#REF!</definedName>
    <definedName name="_99" localSheetId="6">#REF!</definedName>
    <definedName name="_99" localSheetId="7">#REF!</definedName>
    <definedName name="_99" localSheetId="8">#REF!</definedName>
    <definedName name="_99" localSheetId="2">#REF!</definedName>
    <definedName name="_99">#REF!</definedName>
    <definedName name="_A1" localSheetId="4">#REF!</definedName>
    <definedName name="_A1" localSheetId="5">#REF!</definedName>
    <definedName name="_A1" localSheetId="6">#REF!</definedName>
    <definedName name="_A1" localSheetId="7">#REF!</definedName>
    <definedName name="_A1" localSheetId="8">#REF!</definedName>
    <definedName name="_A1" localSheetId="2">#REF!</definedName>
    <definedName name="_A1">#REF!</definedName>
    <definedName name="_A10" localSheetId="4">#REF!</definedName>
    <definedName name="_A10" localSheetId="5">#REF!</definedName>
    <definedName name="_A10" localSheetId="6">#REF!</definedName>
    <definedName name="_A10" localSheetId="7">#REF!</definedName>
    <definedName name="_A10" localSheetId="8">#REF!</definedName>
    <definedName name="_A10" localSheetId="2">#REF!</definedName>
    <definedName name="_A10">#REF!</definedName>
    <definedName name="_A11" localSheetId="4">#REF!</definedName>
    <definedName name="_A11" localSheetId="5">#REF!</definedName>
    <definedName name="_A11" localSheetId="6">#REF!</definedName>
    <definedName name="_A11" localSheetId="7">#REF!</definedName>
    <definedName name="_A11" localSheetId="8">#REF!</definedName>
    <definedName name="_A11" localSheetId="2">#REF!</definedName>
    <definedName name="_A11">#REF!</definedName>
    <definedName name="_A12" localSheetId="4">#REF!</definedName>
    <definedName name="_A12" localSheetId="5">#REF!</definedName>
    <definedName name="_A12" localSheetId="6">#REF!</definedName>
    <definedName name="_A12" localSheetId="7">#REF!</definedName>
    <definedName name="_A12" localSheetId="8">#REF!</definedName>
    <definedName name="_A12" localSheetId="2">#REF!</definedName>
    <definedName name="_A12">#REF!</definedName>
    <definedName name="_A13" localSheetId="4">#REF!</definedName>
    <definedName name="_A13" localSheetId="5">#REF!</definedName>
    <definedName name="_A13" localSheetId="6">#REF!</definedName>
    <definedName name="_A13" localSheetId="7">#REF!</definedName>
    <definedName name="_A13" localSheetId="8">#REF!</definedName>
    <definedName name="_A13" localSheetId="2">#REF!</definedName>
    <definedName name="_A13">#REF!</definedName>
    <definedName name="_A14" localSheetId="4">#REF!</definedName>
    <definedName name="_A14" localSheetId="5">#REF!</definedName>
    <definedName name="_A14" localSheetId="6">#REF!</definedName>
    <definedName name="_A14" localSheetId="7">#REF!</definedName>
    <definedName name="_A14" localSheetId="8">#REF!</definedName>
    <definedName name="_A14" localSheetId="2">#REF!</definedName>
    <definedName name="_A14">#REF!</definedName>
    <definedName name="_A15" localSheetId="4">#REF!</definedName>
    <definedName name="_A15" localSheetId="5">#REF!</definedName>
    <definedName name="_A15" localSheetId="6">#REF!</definedName>
    <definedName name="_A15" localSheetId="7">#REF!</definedName>
    <definedName name="_A15" localSheetId="8">#REF!</definedName>
    <definedName name="_A15" localSheetId="2">#REF!</definedName>
    <definedName name="_A15">#REF!</definedName>
    <definedName name="_A16" localSheetId="4">#REF!</definedName>
    <definedName name="_A16" localSheetId="5">#REF!</definedName>
    <definedName name="_A16" localSheetId="6">#REF!</definedName>
    <definedName name="_A16" localSheetId="7">#REF!</definedName>
    <definedName name="_A16" localSheetId="8">#REF!</definedName>
    <definedName name="_A16" localSheetId="2">#REF!</definedName>
    <definedName name="_A16">#REF!</definedName>
    <definedName name="_A17" localSheetId="4">#REF!</definedName>
    <definedName name="_A17" localSheetId="5">#REF!</definedName>
    <definedName name="_A17" localSheetId="6">#REF!</definedName>
    <definedName name="_A17" localSheetId="7">#REF!</definedName>
    <definedName name="_A17" localSheetId="8">#REF!</definedName>
    <definedName name="_A17" localSheetId="2">#REF!</definedName>
    <definedName name="_A17">#REF!</definedName>
    <definedName name="_A18" localSheetId="4">#REF!</definedName>
    <definedName name="_A18" localSheetId="5">#REF!</definedName>
    <definedName name="_A18" localSheetId="6">#REF!</definedName>
    <definedName name="_A18" localSheetId="7">#REF!</definedName>
    <definedName name="_A18" localSheetId="8">#REF!</definedName>
    <definedName name="_A18" localSheetId="2">#REF!</definedName>
    <definedName name="_A18">#REF!</definedName>
    <definedName name="_A19" localSheetId="4">#REF!</definedName>
    <definedName name="_A19" localSheetId="5">#REF!</definedName>
    <definedName name="_A19" localSheetId="6">#REF!</definedName>
    <definedName name="_A19" localSheetId="7">#REF!</definedName>
    <definedName name="_A19" localSheetId="8">#REF!</definedName>
    <definedName name="_A19" localSheetId="2">#REF!</definedName>
    <definedName name="_A19">#REF!</definedName>
    <definedName name="_A2" localSheetId="4">#REF!</definedName>
    <definedName name="_A2" localSheetId="5">#REF!</definedName>
    <definedName name="_A2" localSheetId="6">#REF!</definedName>
    <definedName name="_A2" localSheetId="7">#REF!</definedName>
    <definedName name="_A2" localSheetId="8">#REF!</definedName>
    <definedName name="_A2" localSheetId="2">#REF!</definedName>
    <definedName name="_A2">#REF!</definedName>
    <definedName name="_A20" localSheetId="4">#REF!</definedName>
    <definedName name="_A20" localSheetId="5">#REF!</definedName>
    <definedName name="_A20" localSheetId="6">#REF!</definedName>
    <definedName name="_A20" localSheetId="7">#REF!</definedName>
    <definedName name="_A20" localSheetId="8">#REF!</definedName>
    <definedName name="_A20" localSheetId="2">#REF!</definedName>
    <definedName name="_A20">#REF!</definedName>
    <definedName name="_A21" localSheetId="4">#REF!</definedName>
    <definedName name="_A21" localSheetId="5">#REF!</definedName>
    <definedName name="_A21" localSheetId="6">#REF!</definedName>
    <definedName name="_A21" localSheetId="7">#REF!</definedName>
    <definedName name="_A21" localSheetId="8">#REF!</definedName>
    <definedName name="_A21" localSheetId="2">#REF!</definedName>
    <definedName name="_A21">#REF!</definedName>
    <definedName name="_A22" localSheetId="4">#REF!</definedName>
    <definedName name="_A22" localSheetId="5">#REF!</definedName>
    <definedName name="_A22" localSheetId="6">#REF!</definedName>
    <definedName name="_A22" localSheetId="7">#REF!</definedName>
    <definedName name="_A22" localSheetId="8">#REF!</definedName>
    <definedName name="_A22" localSheetId="2">#REF!</definedName>
    <definedName name="_A22">#REF!</definedName>
    <definedName name="_A23" localSheetId="4">#REF!</definedName>
    <definedName name="_A23" localSheetId="5">#REF!</definedName>
    <definedName name="_A23" localSheetId="6">#REF!</definedName>
    <definedName name="_A23" localSheetId="7">#REF!</definedName>
    <definedName name="_A23" localSheetId="8">#REF!</definedName>
    <definedName name="_A23" localSheetId="2">#REF!</definedName>
    <definedName name="_A23">#REF!</definedName>
    <definedName name="_A24" localSheetId="4">#REF!</definedName>
    <definedName name="_A24" localSheetId="5">#REF!</definedName>
    <definedName name="_A24" localSheetId="6">#REF!</definedName>
    <definedName name="_A24" localSheetId="7">#REF!</definedName>
    <definedName name="_A24" localSheetId="8">#REF!</definedName>
    <definedName name="_A24" localSheetId="2">#REF!</definedName>
    <definedName name="_A24">#REF!</definedName>
    <definedName name="_A25" localSheetId="4">#REF!</definedName>
    <definedName name="_A25" localSheetId="5">#REF!</definedName>
    <definedName name="_A25" localSheetId="6">#REF!</definedName>
    <definedName name="_A25" localSheetId="7">#REF!</definedName>
    <definedName name="_A25" localSheetId="8">#REF!</definedName>
    <definedName name="_A25" localSheetId="2">#REF!</definedName>
    <definedName name="_A25">#REF!</definedName>
    <definedName name="_A26" localSheetId="4">#REF!</definedName>
    <definedName name="_A26" localSheetId="5">#REF!</definedName>
    <definedName name="_A26" localSheetId="6">#REF!</definedName>
    <definedName name="_A26" localSheetId="7">#REF!</definedName>
    <definedName name="_A26" localSheetId="8">#REF!</definedName>
    <definedName name="_A26" localSheetId="2">#REF!</definedName>
    <definedName name="_A26">#REF!</definedName>
    <definedName name="_A27" localSheetId="4">#REF!</definedName>
    <definedName name="_A27" localSheetId="5">#REF!</definedName>
    <definedName name="_A27" localSheetId="6">#REF!</definedName>
    <definedName name="_A27" localSheetId="7">#REF!</definedName>
    <definedName name="_A27" localSheetId="8">#REF!</definedName>
    <definedName name="_A27" localSheetId="2">#REF!</definedName>
    <definedName name="_A27">#REF!</definedName>
    <definedName name="_A28" localSheetId="4">#REF!</definedName>
    <definedName name="_A28" localSheetId="5">#REF!</definedName>
    <definedName name="_A28" localSheetId="6">#REF!</definedName>
    <definedName name="_A28" localSheetId="7">#REF!</definedName>
    <definedName name="_A28" localSheetId="8">#REF!</definedName>
    <definedName name="_A28" localSheetId="2">#REF!</definedName>
    <definedName name="_A28">#REF!</definedName>
    <definedName name="_A29" localSheetId="4">#REF!</definedName>
    <definedName name="_A29" localSheetId="5">#REF!</definedName>
    <definedName name="_A29" localSheetId="6">#REF!</definedName>
    <definedName name="_A29" localSheetId="7">#REF!</definedName>
    <definedName name="_A29" localSheetId="8">#REF!</definedName>
    <definedName name="_A29" localSheetId="2">#REF!</definedName>
    <definedName name="_A29">#REF!</definedName>
    <definedName name="_A3" localSheetId="4">#REF!</definedName>
    <definedName name="_A3" localSheetId="5">#REF!</definedName>
    <definedName name="_A3" localSheetId="6">#REF!</definedName>
    <definedName name="_A3" localSheetId="7">#REF!</definedName>
    <definedName name="_A3" localSheetId="8">#REF!</definedName>
    <definedName name="_A3" localSheetId="2">#REF!</definedName>
    <definedName name="_A3">#REF!</definedName>
    <definedName name="_A30" localSheetId="4">#REF!</definedName>
    <definedName name="_A30" localSheetId="5">#REF!</definedName>
    <definedName name="_A30" localSheetId="6">#REF!</definedName>
    <definedName name="_A30" localSheetId="7">#REF!</definedName>
    <definedName name="_A30" localSheetId="8">#REF!</definedName>
    <definedName name="_A30" localSheetId="2">#REF!</definedName>
    <definedName name="_A30">#REF!</definedName>
    <definedName name="_A31" localSheetId="4">#REF!</definedName>
    <definedName name="_A31" localSheetId="5">#REF!</definedName>
    <definedName name="_A31" localSheetId="6">#REF!</definedName>
    <definedName name="_A31" localSheetId="7">#REF!</definedName>
    <definedName name="_A31" localSheetId="8">#REF!</definedName>
    <definedName name="_A31" localSheetId="2">#REF!</definedName>
    <definedName name="_A31">#REF!</definedName>
    <definedName name="_A32" localSheetId="4">#REF!</definedName>
    <definedName name="_A32" localSheetId="5">#REF!</definedName>
    <definedName name="_A32" localSheetId="6">#REF!</definedName>
    <definedName name="_A32" localSheetId="7">#REF!</definedName>
    <definedName name="_A32" localSheetId="8">#REF!</definedName>
    <definedName name="_A32" localSheetId="2">#REF!</definedName>
    <definedName name="_A32">#REF!</definedName>
    <definedName name="_A33" localSheetId="4">#REF!</definedName>
    <definedName name="_A33" localSheetId="5">#REF!</definedName>
    <definedName name="_A33" localSheetId="6">#REF!</definedName>
    <definedName name="_A33" localSheetId="7">#REF!</definedName>
    <definedName name="_A33" localSheetId="8">#REF!</definedName>
    <definedName name="_A33" localSheetId="2">#REF!</definedName>
    <definedName name="_A33">#REF!</definedName>
    <definedName name="_A34" localSheetId="4">#REF!</definedName>
    <definedName name="_A34" localSheetId="5">#REF!</definedName>
    <definedName name="_A34" localSheetId="6">#REF!</definedName>
    <definedName name="_A34" localSheetId="7">#REF!</definedName>
    <definedName name="_A34" localSheetId="8">#REF!</definedName>
    <definedName name="_A34" localSheetId="2">#REF!</definedName>
    <definedName name="_A34">#REF!</definedName>
    <definedName name="_A35" localSheetId="4">#REF!</definedName>
    <definedName name="_A35" localSheetId="5">#REF!</definedName>
    <definedName name="_A35" localSheetId="6">#REF!</definedName>
    <definedName name="_A35" localSheetId="7">#REF!</definedName>
    <definedName name="_A35" localSheetId="8">#REF!</definedName>
    <definedName name="_A35" localSheetId="2">#REF!</definedName>
    <definedName name="_A35">#REF!</definedName>
    <definedName name="_A36" localSheetId="4">#REF!</definedName>
    <definedName name="_A36" localSheetId="5">#REF!</definedName>
    <definedName name="_A36" localSheetId="6">#REF!</definedName>
    <definedName name="_A36" localSheetId="7">#REF!</definedName>
    <definedName name="_A36" localSheetId="8">#REF!</definedName>
    <definedName name="_A36" localSheetId="2">#REF!</definedName>
    <definedName name="_A36">#REF!</definedName>
    <definedName name="_A37" localSheetId="4">#REF!</definedName>
    <definedName name="_A37" localSheetId="5">#REF!</definedName>
    <definedName name="_A37" localSheetId="6">#REF!</definedName>
    <definedName name="_A37" localSheetId="7">#REF!</definedName>
    <definedName name="_A37" localSheetId="8">#REF!</definedName>
    <definedName name="_A37" localSheetId="2">#REF!</definedName>
    <definedName name="_A37">#REF!</definedName>
    <definedName name="_A38" localSheetId="4">#REF!</definedName>
    <definedName name="_A38" localSheetId="5">#REF!</definedName>
    <definedName name="_A38" localSheetId="6">#REF!</definedName>
    <definedName name="_A38" localSheetId="7">#REF!</definedName>
    <definedName name="_A38" localSheetId="8">#REF!</definedName>
    <definedName name="_A38" localSheetId="2">#REF!</definedName>
    <definedName name="_A38">#REF!</definedName>
    <definedName name="_A39" localSheetId="4">#REF!</definedName>
    <definedName name="_A39" localSheetId="5">#REF!</definedName>
    <definedName name="_A39" localSheetId="6">#REF!</definedName>
    <definedName name="_A39" localSheetId="7">#REF!</definedName>
    <definedName name="_A39" localSheetId="8">#REF!</definedName>
    <definedName name="_A39" localSheetId="2">#REF!</definedName>
    <definedName name="_A39">#REF!</definedName>
    <definedName name="_A4" localSheetId="4">#REF!</definedName>
    <definedName name="_A4" localSheetId="5">#REF!</definedName>
    <definedName name="_A4" localSheetId="6">#REF!</definedName>
    <definedName name="_A4" localSheetId="7">#REF!</definedName>
    <definedName name="_A4" localSheetId="8">#REF!</definedName>
    <definedName name="_A4" localSheetId="2">#REF!</definedName>
    <definedName name="_A4">#REF!</definedName>
    <definedName name="_A40" localSheetId="4">#REF!</definedName>
    <definedName name="_A40" localSheetId="5">#REF!</definedName>
    <definedName name="_A40" localSheetId="6">#REF!</definedName>
    <definedName name="_A40" localSheetId="7">#REF!</definedName>
    <definedName name="_A40" localSheetId="8">#REF!</definedName>
    <definedName name="_A40" localSheetId="2">#REF!</definedName>
    <definedName name="_A40">#REF!</definedName>
    <definedName name="_A41" localSheetId="4">#REF!</definedName>
    <definedName name="_A41" localSheetId="5">#REF!</definedName>
    <definedName name="_A41" localSheetId="6">#REF!</definedName>
    <definedName name="_A41" localSheetId="7">#REF!</definedName>
    <definedName name="_A41" localSheetId="8">#REF!</definedName>
    <definedName name="_A41" localSheetId="2">#REF!</definedName>
    <definedName name="_A41">#REF!</definedName>
    <definedName name="_A42" localSheetId="4">#REF!</definedName>
    <definedName name="_A42" localSheetId="5">#REF!</definedName>
    <definedName name="_A42" localSheetId="6">#REF!</definedName>
    <definedName name="_A42" localSheetId="7">#REF!</definedName>
    <definedName name="_A42" localSheetId="8">#REF!</definedName>
    <definedName name="_A42" localSheetId="2">#REF!</definedName>
    <definedName name="_A42">#REF!</definedName>
    <definedName name="_A43" localSheetId="4">#REF!</definedName>
    <definedName name="_A43" localSheetId="5">#REF!</definedName>
    <definedName name="_A43" localSheetId="6">#REF!</definedName>
    <definedName name="_A43" localSheetId="7">#REF!</definedName>
    <definedName name="_A43" localSheetId="8">#REF!</definedName>
    <definedName name="_A43" localSheetId="2">#REF!</definedName>
    <definedName name="_A43">#REF!</definedName>
    <definedName name="_A44" localSheetId="4">#REF!</definedName>
    <definedName name="_A44" localSheetId="5">#REF!</definedName>
    <definedName name="_A44" localSheetId="6">#REF!</definedName>
    <definedName name="_A44" localSheetId="7">#REF!</definedName>
    <definedName name="_A44" localSheetId="8">#REF!</definedName>
    <definedName name="_A44" localSheetId="2">#REF!</definedName>
    <definedName name="_A44">#REF!</definedName>
    <definedName name="_A45" localSheetId="4">#REF!</definedName>
    <definedName name="_A45" localSheetId="5">#REF!</definedName>
    <definedName name="_A45" localSheetId="6">#REF!</definedName>
    <definedName name="_A45" localSheetId="7">#REF!</definedName>
    <definedName name="_A45" localSheetId="8">#REF!</definedName>
    <definedName name="_A45" localSheetId="2">#REF!</definedName>
    <definedName name="_A45">#REF!</definedName>
    <definedName name="_A46" localSheetId="4">#REF!</definedName>
    <definedName name="_A46" localSheetId="5">#REF!</definedName>
    <definedName name="_A46" localSheetId="6">#REF!</definedName>
    <definedName name="_A46" localSheetId="7">#REF!</definedName>
    <definedName name="_A46" localSheetId="8">#REF!</definedName>
    <definedName name="_A46" localSheetId="2">#REF!</definedName>
    <definedName name="_A46">#REF!</definedName>
    <definedName name="_A47" localSheetId="4">#REF!</definedName>
    <definedName name="_A47" localSheetId="5">#REF!</definedName>
    <definedName name="_A47" localSheetId="6">#REF!</definedName>
    <definedName name="_A47" localSheetId="7">#REF!</definedName>
    <definedName name="_A47" localSheetId="8">#REF!</definedName>
    <definedName name="_A47" localSheetId="2">#REF!</definedName>
    <definedName name="_A47">#REF!</definedName>
    <definedName name="_A48" localSheetId="4">#REF!</definedName>
    <definedName name="_A48" localSheetId="5">#REF!</definedName>
    <definedName name="_A48" localSheetId="6">#REF!</definedName>
    <definedName name="_A48" localSheetId="7">#REF!</definedName>
    <definedName name="_A48" localSheetId="8">#REF!</definedName>
    <definedName name="_A48" localSheetId="2">#REF!</definedName>
    <definedName name="_A48">#REF!</definedName>
    <definedName name="_A49" localSheetId="4">#REF!</definedName>
    <definedName name="_A49" localSheetId="5">#REF!</definedName>
    <definedName name="_A49" localSheetId="6">#REF!</definedName>
    <definedName name="_A49" localSheetId="7">#REF!</definedName>
    <definedName name="_A49" localSheetId="8">#REF!</definedName>
    <definedName name="_A49" localSheetId="2">#REF!</definedName>
    <definedName name="_A49">#REF!</definedName>
    <definedName name="_A5" localSheetId="4">#REF!</definedName>
    <definedName name="_A5" localSheetId="5">#REF!</definedName>
    <definedName name="_A5" localSheetId="6">#REF!</definedName>
    <definedName name="_A5" localSheetId="7">#REF!</definedName>
    <definedName name="_A5" localSheetId="8">#REF!</definedName>
    <definedName name="_A5" localSheetId="2">#REF!</definedName>
    <definedName name="_A5">#REF!</definedName>
    <definedName name="_A50" localSheetId="4">#REF!</definedName>
    <definedName name="_A50" localSheetId="5">#REF!</definedName>
    <definedName name="_A50" localSheetId="6">#REF!</definedName>
    <definedName name="_A50" localSheetId="7">#REF!</definedName>
    <definedName name="_A50" localSheetId="8">#REF!</definedName>
    <definedName name="_A50" localSheetId="2">#REF!</definedName>
    <definedName name="_A50">#REF!</definedName>
    <definedName name="_A51" localSheetId="4">#REF!</definedName>
    <definedName name="_A51" localSheetId="5">#REF!</definedName>
    <definedName name="_A51" localSheetId="6">#REF!</definedName>
    <definedName name="_A51" localSheetId="7">#REF!</definedName>
    <definedName name="_A51" localSheetId="8">#REF!</definedName>
    <definedName name="_A51" localSheetId="2">#REF!</definedName>
    <definedName name="_A51">#REF!</definedName>
    <definedName name="_A52" localSheetId="4">#REF!</definedName>
    <definedName name="_A52" localSheetId="5">#REF!</definedName>
    <definedName name="_A52" localSheetId="6">#REF!</definedName>
    <definedName name="_A52" localSheetId="7">#REF!</definedName>
    <definedName name="_A52" localSheetId="8">#REF!</definedName>
    <definedName name="_A52" localSheetId="2">#REF!</definedName>
    <definedName name="_A52">#REF!</definedName>
    <definedName name="_A53" localSheetId="4">#REF!</definedName>
    <definedName name="_A53" localSheetId="5">#REF!</definedName>
    <definedName name="_A53" localSheetId="6">#REF!</definedName>
    <definedName name="_A53" localSheetId="7">#REF!</definedName>
    <definedName name="_A53" localSheetId="8">#REF!</definedName>
    <definedName name="_A53" localSheetId="2">#REF!</definedName>
    <definedName name="_A53">#REF!</definedName>
    <definedName name="_A54" localSheetId="4">#REF!</definedName>
    <definedName name="_A54" localSheetId="5">#REF!</definedName>
    <definedName name="_A54" localSheetId="6">#REF!</definedName>
    <definedName name="_A54" localSheetId="7">#REF!</definedName>
    <definedName name="_A54" localSheetId="8">#REF!</definedName>
    <definedName name="_A54" localSheetId="2">#REF!</definedName>
    <definedName name="_A54">#REF!</definedName>
    <definedName name="_A55" localSheetId="4">#REF!</definedName>
    <definedName name="_A55" localSheetId="5">#REF!</definedName>
    <definedName name="_A55" localSheetId="6">#REF!</definedName>
    <definedName name="_A55" localSheetId="7">#REF!</definedName>
    <definedName name="_A55" localSheetId="8">#REF!</definedName>
    <definedName name="_A55" localSheetId="2">#REF!</definedName>
    <definedName name="_A55">#REF!</definedName>
    <definedName name="_A56" localSheetId="4">#REF!</definedName>
    <definedName name="_A56" localSheetId="5">#REF!</definedName>
    <definedName name="_A56" localSheetId="6">#REF!</definedName>
    <definedName name="_A56" localSheetId="7">#REF!</definedName>
    <definedName name="_A56" localSheetId="8">#REF!</definedName>
    <definedName name="_A56" localSheetId="2">#REF!</definedName>
    <definedName name="_A56">#REF!</definedName>
    <definedName name="_A57" localSheetId="4">#REF!</definedName>
    <definedName name="_A57" localSheetId="5">#REF!</definedName>
    <definedName name="_A57" localSheetId="6">#REF!</definedName>
    <definedName name="_A57" localSheetId="7">#REF!</definedName>
    <definedName name="_A57" localSheetId="8">#REF!</definedName>
    <definedName name="_A57" localSheetId="2">#REF!</definedName>
    <definedName name="_A57">#REF!</definedName>
    <definedName name="_A58" localSheetId="4">#REF!</definedName>
    <definedName name="_A58" localSheetId="5">#REF!</definedName>
    <definedName name="_A58" localSheetId="6">#REF!</definedName>
    <definedName name="_A58" localSheetId="7">#REF!</definedName>
    <definedName name="_A58" localSheetId="8">#REF!</definedName>
    <definedName name="_A58" localSheetId="2">#REF!</definedName>
    <definedName name="_A58">#REF!</definedName>
    <definedName name="_A59" localSheetId="4">#REF!</definedName>
    <definedName name="_A59" localSheetId="5">#REF!</definedName>
    <definedName name="_A59" localSheetId="6">#REF!</definedName>
    <definedName name="_A59" localSheetId="7">#REF!</definedName>
    <definedName name="_A59" localSheetId="8">#REF!</definedName>
    <definedName name="_A59" localSheetId="2">#REF!</definedName>
    <definedName name="_A59">#REF!</definedName>
    <definedName name="_A6" localSheetId="4">#REF!</definedName>
    <definedName name="_A6" localSheetId="5">#REF!</definedName>
    <definedName name="_A6" localSheetId="6">#REF!</definedName>
    <definedName name="_A6" localSheetId="7">#REF!</definedName>
    <definedName name="_A6" localSheetId="8">#REF!</definedName>
    <definedName name="_A6" localSheetId="2">#REF!</definedName>
    <definedName name="_A6">#REF!</definedName>
    <definedName name="_A60" localSheetId="4">#REF!</definedName>
    <definedName name="_A60" localSheetId="5">#REF!</definedName>
    <definedName name="_A60" localSheetId="6">#REF!</definedName>
    <definedName name="_A60" localSheetId="7">#REF!</definedName>
    <definedName name="_A60" localSheetId="8">#REF!</definedName>
    <definedName name="_A60" localSheetId="2">#REF!</definedName>
    <definedName name="_A60">#REF!</definedName>
    <definedName name="_A61" localSheetId="4">#REF!</definedName>
    <definedName name="_A61" localSheetId="5">#REF!</definedName>
    <definedName name="_A61" localSheetId="6">#REF!</definedName>
    <definedName name="_A61" localSheetId="7">#REF!</definedName>
    <definedName name="_A61" localSheetId="8">#REF!</definedName>
    <definedName name="_A61" localSheetId="2">#REF!</definedName>
    <definedName name="_A61">#REF!</definedName>
    <definedName name="_A62" localSheetId="4">#REF!</definedName>
    <definedName name="_A62" localSheetId="5">#REF!</definedName>
    <definedName name="_A62" localSheetId="6">#REF!</definedName>
    <definedName name="_A62" localSheetId="7">#REF!</definedName>
    <definedName name="_A62" localSheetId="8">#REF!</definedName>
    <definedName name="_A62" localSheetId="2">#REF!</definedName>
    <definedName name="_A62">#REF!</definedName>
    <definedName name="_A63" localSheetId="4">#REF!</definedName>
    <definedName name="_A63" localSheetId="5">#REF!</definedName>
    <definedName name="_A63" localSheetId="6">#REF!</definedName>
    <definedName name="_A63" localSheetId="7">#REF!</definedName>
    <definedName name="_A63" localSheetId="8">#REF!</definedName>
    <definedName name="_A63" localSheetId="2">#REF!</definedName>
    <definedName name="_A63">#REF!</definedName>
    <definedName name="_A64" localSheetId="4">#REF!</definedName>
    <definedName name="_A64" localSheetId="5">#REF!</definedName>
    <definedName name="_A64" localSheetId="6">#REF!</definedName>
    <definedName name="_A64" localSheetId="7">#REF!</definedName>
    <definedName name="_A64" localSheetId="8">#REF!</definedName>
    <definedName name="_A64" localSheetId="2">#REF!</definedName>
    <definedName name="_A64">#REF!</definedName>
    <definedName name="_A65" localSheetId="4">#REF!</definedName>
    <definedName name="_A65" localSheetId="5">#REF!</definedName>
    <definedName name="_A65" localSheetId="6">#REF!</definedName>
    <definedName name="_A65" localSheetId="7">#REF!</definedName>
    <definedName name="_A65" localSheetId="8">#REF!</definedName>
    <definedName name="_A65" localSheetId="2">#REF!</definedName>
    <definedName name="_A65">#REF!</definedName>
    <definedName name="_A66" localSheetId="4">#REF!</definedName>
    <definedName name="_A66" localSheetId="5">#REF!</definedName>
    <definedName name="_A66" localSheetId="6">#REF!</definedName>
    <definedName name="_A66" localSheetId="7">#REF!</definedName>
    <definedName name="_A66" localSheetId="8">#REF!</definedName>
    <definedName name="_A66" localSheetId="2">#REF!</definedName>
    <definedName name="_A66">#REF!</definedName>
    <definedName name="_A67" localSheetId="4">#REF!</definedName>
    <definedName name="_A67" localSheetId="5">#REF!</definedName>
    <definedName name="_A67" localSheetId="6">#REF!</definedName>
    <definedName name="_A67" localSheetId="7">#REF!</definedName>
    <definedName name="_A67" localSheetId="8">#REF!</definedName>
    <definedName name="_A67" localSheetId="2">#REF!</definedName>
    <definedName name="_A67">#REF!</definedName>
    <definedName name="_A68" localSheetId="4">#REF!</definedName>
    <definedName name="_A68" localSheetId="5">#REF!</definedName>
    <definedName name="_A68" localSheetId="6">#REF!</definedName>
    <definedName name="_A68" localSheetId="7">#REF!</definedName>
    <definedName name="_A68" localSheetId="8">#REF!</definedName>
    <definedName name="_A68" localSheetId="2">#REF!</definedName>
    <definedName name="_A68">#REF!</definedName>
    <definedName name="_A69" localSheetId="4">#REF!</definedName>
    <definedName name="_A69" localSheetId="5">#REF!</definedName>
    <definedName name="_A69" localSheetId="6">#REF!</definedName>
    <definedName name="_A69" localSheetId="7">#REF!</definedName>
    <definedName name="_A69" localSheetId="8">#REF!</definedName>
    <definedName name="_A69" localSheetId="2">#REF!</definedName>
    <definedName name="_A69">#REF!</definedName>
    <definedName name="_A7" localSheetId="4">#REF!</definedName>
    <definedName name="_A7" localSheetId="5">#REF!</definedName>
    <definedName name="_A7" localSheetId="6">#REF!</definedName>
    <definedName name="_A7" localSheetId="7">#REF!</definedName>
    <definedName name="_A7" localSheetId="8">#REF!</definedName>
    <definedName name="_A7" localSheetId="2">#REF!</definedName>
    <definedName name="_A7">#REF!</definedName>
    <definedName name="_A70" localSheetId="4">#REF!</definedName>
    <definedName name="_A70" localSheetId="5">#REF!</definedName>
    <definedName name="_A70" localSheetId="6">#REF!</definedName>
    <definedName name="_A70" localSheetId="7">#REF!</definedName>
    <definedName name="_A70" localSheetId="8">#REF!</definedName>
    <definedName name="_A70" localSheetId="2">#REF!</definedName>
    <definedName name="_A70">#REF!</definedName>
    <definedName name="_A71" localSheetId="4">#REF!</definedName>
    <definedName name="_A71" localSheetId="5">#REF!</definedName>
    <definedName name="_A71" localSheetId="6">#REF!</definedName>
    <definedName name="_A71" localSheetId="7">#REF!</definedName>
    <definedName name="_A71" localSheetId="8">#REF!</definedName>
    <definedName name="_A71" localSheetId="2">#REF!</definedName>
    <definedName name="_A71">#REF!</definedName>
    <definedName name="_A73" localSheetId="4">#REF!</definedName>
    <definedName name="_A73" localSheetId="5">#REF!</definedName>
    <definedName name="_A73" localSheetId="6">#REF!</definedName>
    <definedName name="_A73" localSheetId="7">#REF!</definedName>
    <definedName name="_A73" localSheetId="8">#REF!</definedName>
    <definedName name="_A73" localSheetId="2">#REF!</definedName>
    <definedName name="_A73">#REF!</definedName>
    <definedName name="_A74" localSheetId="4">#REF!</definedName>
    <definedName name="_A74" localSheetId="5">#REF!</definedName>
    <definedName name="_A74" localSheetId="6">#REF!</definedName>
    <definedName name="_A74" localSheetId="7">#REF!</definedName>
    <definedName name="_A74" localSheetId="8">#REF!</definedName>
    <definedName name="_A74" localSheetId="2">#REF!</definedName>
    <definedName name="_A74">#REF!</definedName>
    <definedName name="_A75" localSheetId="4">#REF!</definedName>
    <definedName name="_A75" localSheetId="5">#REF!</definedName>
    <definedName name="_A75" localSheetId="6">#REF!</definedName>
    <definedName name="_A75" localSheetId="7">#REF!</definedName>
    <definedName name="_A75" localSheetId="8">#REF!</definedName>
    <definedName name="_A75" localSheetId="2">#REF!</definedName>
    <definedName name="_A75">#REF!</definedName>
    <definedName name="_A76" localSheetId="4">#REF!</definedName>
    <definedName name="_A76" localSheetId="5">#REF!</definedName>
    <definedName name="_A76" localSheetId="6">#REF!</definedName>
    <definedName name="_A76" localSheetId="7">#REF!</definedName>
    <definedName name="_A76" localSheetId="8">#REF!</definedName>
    <definedName name="_A76" localSheetId="2">#REF!</definedName>
    <definedName name="_A76">#REF!</definedName>
    <definedName name="_A77" localSheetId="4">#REF!</definedName>
    <definedName name="_A77" localSheetId="5">#REF!</definedName>
    <definedName name="_A77" localSheetId="6">#REF!</definedName>
    <definedName name="_A77" localSheetId="7">#REF!</definedName>
    <definedName name="_A77" localSheetId="8">#REF!</definedName>
    <definedName name="_A77" localSheetId="2">#REF!</definedName>
    <definedName name="_A77">#REF!</definedName>
    <definedName name="_A78" localSheetId="4">#REF!</definedName>
    <definedName name="_A78" localSheetId="5">#REF!</definedName>
    <definedName name="_A78" localSheetId="6">#REF!</definedName>
    <definedName name="_A78" localSheetId="7">#REF!</definedName>
    <definedName name="_A78" localSheetId="8">#REF!</definedName>
    <definedName name="_A78" localSheetId="2">#REF!</definedName>
    <definedName name="_A78">#REF!</definedName>
    <definedName name="_A79" localSheetId="4">#REF!</definedName>
    <definedName name="_A79" localSheetId="5">#REF!</definedName>
    <definedName name="_A79" localSheetId="6">#REF!</definedName>
    <definedName name="_A79" localSheetId="7">#REF!</definedName>
    <definedName name="_A79" localSheetId="8">#REF!</definedName>
    <definedName name="_A79" localSheetId="2">#REF!</definedName>
    <definedName name="_A79">#REF!</definedName>
    <definedName name="_A8" localSheetId="4">#REF!</definedName>
    <definedName name="_A8" localSheetId="5">#REF!</definedName>
    <definedName name="_A8" localSheetId="6">#REF!</definedName>
    <definedName name="_A8" localSheetId="7">#REF!</definedName>
    <definedName name="_A8" localSheetId="8">#REF!</definedName>
    <definedName name="_A8" localSheetId="2">#REF!</definedName>
    <definedName name="_A8">#REF!</definedName>
    <definedName name="_A81" localSheetId="4">#REF!</definedName>
    <definedName name="_A81" localSheetId="5">#REF!</definedName>
    <definedName name="_A81" localSheetId="6">#REF!</definedName>
    <definedName name="_A81" localSheetId="7">#REF!</definedName>
    <definedName name="_A81" localSheetId="8">#REF!</definedName>
    <definedName name="_A81" localSheetId="2">#REF!</definedName>
    <definedName name="_A81">#REF!</definedName>
    <definedName name="_A82" localSheetId="4">#REF!</definedName>
    <definedName name="_A82" localSheetId="5">#REF!</definedName>
    <definedName name="_A82" localSheetId="6">#REF!</definedName>
    <definedName name="_A82" localSheetId="7">#REF!</definedName>
    <definedName name="_A82" localSheetId="8">#REF!</definedName>
    <definedName name="_A82" localSheetId="2">#REF!</definedName>
    <definedName name="_A82">#REF!</definedName>
    <definedName name="_A9" localSheetId="4">#REF!</definedName>
    <definedName name="_A9" localSheetId="5">#REF!</definedName>
    <definedName name="_A9" localSheetId="6">#REF!</definedName>
    <definedName name="_A9" localSheetId="7">#REF!</definedName>
    <definedName name="_A9" localSheetId="8">#REF!</definedName>
    <definedName name="_A9" localSheetId="2">#REF!</definedName>
    <definedName name="_A9">#REF!</definedName>
    <definedName name="_ｂ９" localSheetId="4">#REF!</definedName>
    <definedName name="_ｂ９" localSheetId="5">#REF!</definedName>
    <definedName name="_ｂ９" localSheetId="6">#REF!</definedName>
    <definedName name="_ｂ９" localSheetId="7">#REF!</definedName>
    <definedName name="_ｂ９" localSheetId="8">#REF!</definedName>
    <definedName name="_ｂ９" localSheetId="2">#REF!</definedName>
    <definedName name="_ｂ９">#REF!</definedName>
    <definedName name="_BOX01" localSheetId="4">#REF!</definedName>
    <definedName name="_BOX01" localSheetId="5">#REF!</definedName>
    <definedName name="_BOX01" localSheetId="6">#REF!</definedName>
    <definedName name="_BOX01" localSheetId="7">#REF!</definedName>
    <definedName name="_BOX01" localSheetId="8">#REF!</definedName>
    <definedName name="_BOX01" localSheetId="2">#REF!</definedName>
    <definedName name="_BOX01">#REF!</definedName>
    <definedName name="_BOX02" localSheetId="4">#REF!</definedName>
    <definedName name="_BOX02" localSheetId="5">#REF!</definedName>
    <definedName name="_BOX02" localSheetId="6">#REF!</definedName>
    <definedName name="_BOX02" localSheetId="7">#REF!</definedName>
    <definedName name="_BOX02" localSheetId="8">#REF!</definedName>
    <definedName name="_BOX02" localSheetId="2">#REF!</definedName>
    <definedName name="_BOX02">#REF!</definedName>
    <definedName name="_BOX03" localSheetId="4">#REF!</definedName>
    <definedName name="_BOX03" localSheetId="5">#REF!</definedName>
    <definedName name="_BOX03" localSheetId="6">#REF!</definedName>
    <definedName name="_BOX03" localSheetId="7">#REF!</definedName>
    <definedName name="_BOX03" localSheetId="8">#REF!</definedName>
    <definedName name="_BOX03" localSheetId="2">#REF!</definedName>
    <definedName name="_BOX03">#REF!</definedName>
    <definedName name="_BUN2">[4]歩・屋!$E$5:$T$16</definedName>
    <definedName name="_d2" localSheetId="4">[1]!ピクチャ5_Click</definedName>
    <definedName name="_d2" localSheetId="5">[1]!ピクチャ5_Click</definedName>
    <definedName name="_d2" localSheetId="6">[1]!ピクチャ5_Click</definedName>
    <definedName name="_d2" localSheetId="7">[1]!ピクチャ5_Click</definedName>
    <definedName name="_d2" localSheetId="8">[1]!ピクチャ5_Click</definedName>
    <definedName name="_d2" localSheetId="2">[1]!ピクチャ5_Click</definedName>
    <definedName name="_d2">[1]!ピクチャ5_Click</definedName>
    <definedName name="_d3" localSheetId="4">[12]!ピクチャ5_Click</definedName>
    <definedName name="_d3" localSheetId="5">[12]!ピクチャ5_Click</definedName>
    <definedName name="_d3" localSheetId="6">[12]!ピクチャ5_Click</definedName>
    <definedName name="_d3" localSheetId="7">[12]!ピクチャ5_Click</definedName>
    <definedName name="_d3" localSheetId="8">[12]!ピクチャ5_Click</definedName>
    <definedName name="_d3" localSheetId="2">[12]!ピクチャ5_Click</definedName>
    <definedName name="_d3">[12]!ピクチャ5_Click</definedName>
    <definedName name="_dd1" localSheetId="4">[13]!Dialog3_ボタン2_Click</definedName>
    <definedName name="_dd1" localSheetId="5">[13]!Dialog3_ボタン2_Click</definedName>
    <definedName name="_dd1" localSheetId="6">[13]!Dialog3_ボタン2_Click</definedName>
    <definedName name="_dd1" localSheetId="7">[13]!Dialog3_ボタン2_Click</definedName>
    <definedName name="_dd1" localSheetId="8">[13]!Dialog3_ボタン2_Click</definedName>
    <definedName name="_dd1" localSheetId="2">[13]!Dialog3_ボタン2_Click</definedName>
    <definedName name="_dd1">[13]!Dialog3_ボタン2_Click</definedName>
    <definedName name="_ddd2" localSheetId="4">[13]!ピクチャ5_Click</definedName>
    <definedName name="_ddd2" localSheetId="5">[13]!ピクチャ5_Click</definedName>
    <definedName name="_ddd2" localSheetId="6">[13]!ピクチャ5_Click</definedName>
    <definedName name="_ddd2" localSheetId="7">[13]!ピクチャ5_Click</definedName>
    <definedName name="_ddd2" localSheetId="8">[13]!ピクチャ5_Click</definedName>
    <definedName name="_ddd2" localSheetId="2">[13]!ピクチャ5_Click</definedName>
    <definedName name="_ddd2">[13]!ピクチャ5_Click</definedName>
    <definedName name="_Fill" localSheetId="4" hidden="1">#REF!</definedName>
    <definedName name="_Fill" localSheetId="5" hidden="1">#REF!</definedName>
    <definedName name="_Fill" localSheetId="6" hidden="1">#REF!</definedName>
    <definedName name="_Fill" localSheetId="7" hidden="1">#REF!</definedName>
    <definedName name="_Fill" localSheetId="8" hidden="1">#REF!</definedName>
    <definedName name="_Fill" localSheetId="0" hidden="1">#REF!</definedName>
    <definedName name="_Fill" localSheetId="2" hidden="1">#REF!</definedName>
    <definedName name="_Fill" hidden="1">#REF!</definedName>
    <definedName name="_xlnm._FilterDatabase" localSheetId="4" hidden="1">#REF!</definedName>
    <definedName name="_xlnm._FilterDatabase" localSheetId="5" hidden="1">#REF!</definedName>
    <definedName name="_xlnm._FilterDatabase" localSheetId="6" hidden="1">#REF!</definedName>
    <definedName name="_xlnm._FilterDatabase" localSheetId="7" hidden="1">#REF!</definedName>
    <definedName name="_xlnm._FilterDatabase" localSheetId="8" hidden="1">#REF!</definedName>
    <definedName name="_xlnm._FilterDatabase" localSheetId="0" hidden="1">#REF!</definedName>
    <definedName name="_xlnm._FilterDatabase" localSheetId="2" hidden="1">#REF!</definedName>
    <definedName name="_xlnm._FilterDatabase" hidden="1">#REF!</definedName>
    <definedName name="_I1" localSheetId="4">#REF!</definedName>
    <definedName name="_I1" localSheetId="5">#REF!</definedName>
    <definedName name="_I1" localSheetId="6">#REF!</definedName>
    <definedName name="_I1" localSheetId="7">#REF!</definedName>
    <definedName name="_I1" localSheetId="8">#REF!</definedName>
    <definedName name="_I1" localSheetId="2">#REF!</definedName>
    <definedName name="_I1">#REF!</definedName>
    <definedName name="_I2" localSheetId="4">#REF!</definedName>
    <definedName name="_I2" localSheetId="5">#REF!</definedName>
    <definedName name="_I2" localSheetId="6">#REF!</definedName>
    <definedName name="_I2" localSheetId="7">#REF!</definedName>
    <definedName name="_I2" localSheetId="8">#REF!</definedName>
    <definedName name="_I2" localSheetId="2">#REF!</definedName>
    <definedName name="_I2">#REF!</definedName>
    <definedName name="_I3" localSheetId="4">#REF!</definedName>
    <definedName name="_I3" localSheetId="5">#REF!</definedName>
    <definedName name="_I3" localSheetId="6">#REF!</definedName>
    <definedName name="_I3" localSheetId="7">#REF!</definedName>
    <definedName name="_I3" localSheetId="8">#REF!</definedName>
    <definedName name="_I3" localSheetId="2">#REF!</definedName>
    <definedName name="_I3">#REF!</definedName>
    <definedName name="_Key1" localSheetId="4" hidden="1">[4]内・屋外!#REF!</definedName>
    <definedName name="_Key1" localSheetId="5" hidden="1">[4]内・屋外!#REF!</definedName>
    <definedName name="_Key1" localSheetId="6" hidden="1">[4]内・屋外!#REF!</definedName>
    <definedName name="_Key1" localSheetId="7" hidden="1">[4]内・屋外!#REF!</definedName>
    <definedName name="_Key1" localSheetId="8" hidden="1">[4]内・屋外!#REF!</definedName>
    <definedName name="_Key1" localSheetId="9" hidden="1">#REF!</definedName>
    <definedName name="_Key1" localSheetId="0" hidden="1">[4]内・屋外!#REF!</definedName>
    <definedName name="_Key1" localSheetId="2" hidden="1">[4]内・屋外!#REF!</definedName>
    <definedName name="_Key1" hidden="1">[4]内・屋外!#REF!</definedName>
    <definedName name="_Key2" localSheetId="4" hidden="1">[4]内・屋外!#REF!</definedName>
    <definedName name="_Key2" localSheetId="5" hidden="1">[4]内・屋外!#REF!</definedName>
    <definedName name="_Key2" localSheetId="6" hidden="1">[4]内・屋外!#REF!</definedName>
    <definedName name="_Key2" localSheetId="7" hidden="1">[4]内・屋外!#REF!</definedName>
    <definedName name="_Key2" localSheetId="8" hidden="1">[4]内・屋外!#REF!</definedName>
    <definedName name="_Key2" localSheetId="9" hidden="1">#REF!</definedName>
    <definedName name="_Key2" localSheetId="0" hidden="1">[4]内・屋外!#REF!</definedName>
    <definedName name="_Key2" localSheetId="2" hidden="1">[4]内・屋外!#REF!</definedName>
    <definedName name="_Key2" hidden="1">[4]内・屋外!#REF!</definedName>
    <definedName name="_N1" localSheetId="4">#REF!</definedName>
    <definedName name="_N1" localSheetId="5">#REF!</definedName>
    <definedName name="_N1" localSheetId="6">#REF!</definedName>
    <definedName name="_N1" localSheetId="7">#REF!</definedName>
    <definedName name="_N1" localSheetId="8">#REF!</definedName>
    <definedName name="_N1" localSheetId="2">#REF!</definedName>
    <definedName name="_N1">#REF!</definedName>
    <definedName name="_N10" localSheetId="4">#REF!</definedName>
    <definedName name="_N10" localSheetId="5">#REF!</definedName>
    <definedName name="_N10" localSheetId="6">#REF!</definedName>
    <definedName name="_N10" localSheetId="7">#REF!</definedName>
    <definedName name="_N10" localSheetId="8">#REF!</definedName>
    <definedName name="_N10" localSheetId="2">#REF!</definedName>
    <definedName name="_N10">#REF!</definedName>
    <definedName name="_N11" localSheetId="4">#REF!</definedName>
    <definedName name="_N11" localSheetId="5">#REF!</definedName>
    <definedName name="_N11" localSheetId="6">#REF!</definedName>
    <definedName name="_N11" localSheetId="7">#REF!</definedName>
    <definedName name="_N11" localSheetId="8">#REF!</definedName>
    <definedName name="_N11" localSheetId="2">#REF!</definedName>
    <definedName name="_N11">#REF!</definedName>
    <definedName name="_N12" localSheetId="4">#REF!</definedName>
    <definedName name="_N12" localSheetId="5">#REF!</definedName>
    <definedName name="_N12" localSheetId="6">#REF!</definedName>
    <definedName name="_N12" localSheetId="7">#REF!</definedName>
    <definedName name="_N12" localSheetId="8">#REF!</definedName>
    <definedName name="_N12" localSheetId="2">#REF!</definedName>
    <definedName name="_N12">#REF!</definedName>
    <definedName name="_N13" localSheetId="4">#REF!</definedName>
    <definedName name="_N13" localSheetId="5">#REF!</definedName>
    <definedName name="_N13" localSheetId="6">#REF!</definedName>
    <definedName name="_N13" localSheetId="7">#REF!</definedName>
    <definedName name="_N13" localSheetId="8">#REF!</definedName>
    <definedName name="_N13" localSheetId="2">#REF!</definedName>
    <definedName name="_N13">#REF!</definedName>
    <definedName name="_N14" localSheetId="4">#REF!</definedName>
    <definedName name="_N14" localSheetId="5">#REF!</definedName>
    <definedName name="_N14" localSheetId="6">#REF!</definedName>
    <definedName name="_N14" localSheetId="7">#REF!</definedName>
    <definedName name="_N14" localSheetId="8">#REF!</definedName>
    <definedName name="_N14" localSheetId="2">#REF!</definedName>
    <definedName name="_N14">#REF!</definedName>
    <definedName name="_N15" localSheetId="4">#REF!</definedName>
    <definedName name="_N15" localSheetId="5">#REF!</definedName>
    <definedName name="_N15" localSheetId="6">#REF!</definedName>
    <definedName name="_N15" localSheetId="7">#REF!</definedName>
    <definedName name="_N15" localSheetId="8">#REF!</definedName>
    <definedName name="_N15" localSheetId="2">#REF!</definedName>
    <definedName name="_N15">#REF!</definedName>
    <definedName name="_N16" localSheetId="4">#REF!</definedName>
    <definedName name="_N16" localSheetId="5">#REF!</definedName>
    <definedName name="_N16" localSheetId="6">#REF!</definedName>
    <definedName name="_N16" localSheetId="7">#REF!</definedName>
    <definedName name="_N16" localSheetId="8">#REF!</definedName>
    <definedName name="_N16" localSheetId="2">#REF!</definedName>
    <definedName name="_N16">#REF!</definedName>
    <definedName name="_N17" localSheetId="4">#REF!</definedName>
    <definedName name="_N17" localSheetId="5">#REF!</definedName>
    <definedName name="_N17" localSheetId="6">#REF!</definedName>
    <definedName name="_N17" localSheetId="7">#REF!</definedName>
    <definedName name="_N17" localSheetId="8">#REF!</definedName>
    <definedName name="_N17" localSheetId="2">#REF!</definedName>
    <definedName name="_N17">#REF!</definedName>
    <definedName name="_N18" localSheetId="4">#REF!</definedName>
    <definedName name="_N18" localSheetId="5">#REF!</definedName>
    <definedName name="_N18" localSheetId="6">#REF!</definedName>
    <definedName name="_N18" localSheetId="7">#REF!</definedName>
    <definedName name="_N18" localSheetId="8">#REF!</definedName>
    <definedName name="_N18" localSheetId="2">#REF!</definedName>
    <definedName name="_N18">#REF!</definedName>
    <definedName name="_N19" localSheetId="4">#REF!</definedName>
    <definedName name="_N19" localSheetId="5">#REF!</definedName>
    <definedName name="_N19" localSheetId="6">#REF!</definedName>
    <definedName name="_N19" localSheetId="7">#REF!</definedName>
    <definedName name="_N19" localSheetId="8">#REF!</definedName>
    <definedName name="_N19" localSheetId="2">#REF!</definedName>
    <definedName name="_N19">#REF!</definedName>
    <definedName name="_N2" localSheetId="4">#REF!</definedName>
    <definedName name="_N2" localSheetId="5">#REF!</definedName>
    <definedName name="_N2" localSheetId="6">#REF!</definedName>
    <definedName name="_N2" localSheetId="7">#REF!</definedName>
    <definedName name="_N2" localSheetId="8">#REF!</definedName>
    <definedName name="_N2" localSheetId="2">#REF!</definedName>
    <definedName name="_N2">#REF!</definedName>
    <definedName name="_N20" localSheetId="4">#REF!</definedName>
    <definedName name="_N20" localSheetId="5">#REF!</definedName>
    <definedName name="_N20" localSheetId="6">#REF!</definedName>
    <definedName name="_N20" localSheetId="7">#REF!</definedName>
    <definedName name="_N20" localSheetId="8">#REF!</definedName>
    <definedName name="_N20" localSheetId="2">#REF!</definedName>
    <definedName name="_N20">#REF!</definedName>
    <definedName name="_N21" localSheetId="4">#REF!</definedName>
    <definedName name="_N21" localSheetId="5">#REF!</definedName>
    <definedName name="_N21" localSheetId="6">#REF!</definedName>
    <definedName name="_N21" localSheetId="7">#REF!</definedName>
    <definedName name="_N21" localSheetId="8">#REF!</definedName>
    <definedName name="_N21" localSheetId="2">#REF!</definedName>
    <definedName name="_N21">#REF!</definedName>
    <definedName name="_N22" localSheetId="4">#REF!</definedName>
    <definedName name="_N22" localSheetId="5">#REF!</definedName>
    <definedName name="_N22" localSheetId="6">#REF!</definedName>
    <definedName name="_N22" localSheetId="7">#REF!</definedName>
    <definedName name="_N22" localSheetId="8">#REF!</definedName>
    <definedName name="_N22" localSheetId="2">#REF!</definedName>
    <definedName name="_N22">#REF!</definedName>
    <definedName name="_N23" localSheetId="4">#REF!</definedName>
    <definedName name="_N23" localSheetId="5">#REF!</definedName>
    <definedName name="_N23" localSheetId="6">#REF!</definedName>
    <definedName name="_N23" localSheetId="7">#REF!</definedName>
    <definedName name="_N23" localSheetId="8">#REF!</definedName>
    <definedName name="_N23" localSheetId="2">#REF!</definedName>
    <definedName name="_N23">#REF!</definedName>
    <definedName name="_N24" localSheetId="4">#REF!</definedName>
    <definedName name="_N24" localSheetId="5">#REF!</definedName>
    <definedName name="_N24" localSheetId="6">#REF!</definedName>
    <definedName name="_N24" localSheetId="7">#REF!</definedName>
    <definedName name="_N24" localSheetId="8">#REF!</definedName>
    <definedName name="_N24" localSheetId="2">#REF!</definedName>
    <definedName name="_N24">#REF!</definedName>
    <definedName name="_N25" localSheetId="4">#REF!</definedName>
    <definedName name="_N25" localSheetId="5">#REF!</definedName>
    <definedName name="_N25" localSheetId="6">#REF!</definedName>
    <definedName name="_N25" localSheetId="7">#REF!</definedName>
    <definedName name="_N25" localSheetId="8">#REF!</definedName>
    <definedName name="_N25" localSheetId="2">#REF!</definedName>
    <definedName name="_N25">#REF!</definedName>
    <definedName name="_N26" localSheetId="4">#REF!</definedName>
    <definedName name="_N26" localSheetId="5">#REF!</definedName>
    <definedName name="_N26" localSheetId="6">#REF!</definedName>
    <definedName name="_N26" localSheetId="7">#REF!</definedName>
    <definedName name="_N26" localSheetId="8">#REF!</definedName>
    <definedName name="_N26" localSheetId="2">#REF!</definedName>
    <definedName name="_N26">#REF!</definedName>
    <definedName name="_N27" localSheetId="4">#REF!</definedName>
    <definedName name="_N27" localSheetId="5">#REF!</definedName>
    <definedName name="_N27" localSheetId="6">#REF!</definedName>
    <definedName name="_N27" localSheetId="7">#REF!</definedName>
    <definedName name="_N27" localSheetId="8">#REF!</definedName>
    <definedName name="_N27" localSheetId="2">#REF!</definedName>
    <definedName name="_N27">#REF!</definedName>
    <definedName name="_N28" localSheetId="4">#REF!</definedName>
    <definedName name="_N28" localSheetId="5">#REF!</definedName>
    <definedName name="_N28" localSheetId="6">#REF!</definedName>
    <definedName name="_N28" localSheetId="7">#REF!</definedName>
    <definedName name="_N28" localSheetId="8">#REF!</definedName>
    <definedName name="_N28" localSheetId="2">#REF!</definedName>
    <definedName name="_N28">#REF!</definedName>
    <definedName name="_N29" localSheetId="4">#REF!</definedName>
    <definedName name="_N29" localSheetId="5">#REF!</definedName>
    <definedName name="_N29" localSheetId="6">#REF!</definedName>
    <definedName name="_N29" localSheetId="7">#REF!</definedName>
    <definedName name="_N29" localSheetId="8">#REF!</definedName>
    <definedName name="_N29" localSheetId="2">#REF!</definedName>
    <definedName name="_N29">#REF!</definedName>
    <definedName name="_N3" localSheetId="4">#REF!</definedName>
    <definedName name="_N3" localSheetId="5">#REF!</definedName>
    <definedName name="_N3" localSheetId="6">#REF!</definedName>
    <definedName name="_N3" localSheetId="7">#REF!</definedName>
    <definedName name="_N3" localSheetId="8">#REF!</definedName>
    <definedName name="_N3" localSheetId="2">#REF!</definedName>
    <definedName name="_N3">#REF!</definedName>
    <definedName name="_N30" localSheetId="4">#REF!</definedName>
    <definedName name="_N30" localSheetId="5">#REF!</definedName>
    <definedName name="_N30" localSheetId="6">#REF!</definedName>
    <definedName name="_N30" localSheetId="7">#REF!</definedName>
    <definedName name="_N30" localSheetId="8">#REF!</definedName>
    <definedName name="_N30" localSheetId="2">#REF!</definedName>
    <definedName name="_N30">#REF!</definedName>
    <definedName name="_N31" localSheetId="4">#REF!</definedName>
    <definedName name="_N31" localSheetId="5">#REF!</definedName>
    <definedName name="_N31" localSheetId="6">#REF!</definedName>
    <definedName name="_N31" localSheetId="7">#REF!</definedName>
    <definedName name="_N31" localSheetId="8">#REF!</definedName>
    <definedName name="_N31" localSheetId="2">#REF!</definedName>
    <definedName name="_N31">#REF!</definedName>
    <definedName name="_N32" localSheetId="4">#REF!</definedName>
    <definedName name="_N32" localSheetId="5">#REF!</definedName>
    <definedName name="_N32" localSheetId="6">#REF!</definedName>
    <definedName name="_N32" localSheetId="7">#REF!</definedName>
    <definedName name="_N32" localSheetId="8">#REF!</definedName>
    <definedName name="_N32" localSheetId="2">#REF!</definedName>
    <definedName name="_N32">#REF!</definedName>
    <definedName name="_N33" localSheetId="4">#REF!</definedName>
    <definedName name="_N33" localSheetId="5">#REF!</definedName>
    <definedName name="_N33" localSheetId="6">#REF!</definedName>
    <definedName name="_N33" localSheetId="7">#REF!</definedName>
    <definedName name="_N33" localSheetId="8">#REF!</definedName>
    <definedName name="_N33" localSheetId="2">#REF!</definedName>
    <definedName name="_N33">#REF!</definedName>
    <definedName name="_N34" localSheetId="4">#REF!</definedName>
    <definedName name="_N34" localSheetId="5">#REF!</definedName>
    <definedName name="_N34" localSheetId="6">#REF!</definedName>
    <definedName name="_N34" localSheetId="7">#REF!</definedName>
    <definedName name="_N34" localSheetId="8">#REF!</definedName>
    <definedName name="_N34" localSheetId="2">#REF!</definedName>
    <definedName name="_N34">#REF!</definedName>
    <definedName name="_N4" localSheetId="4">#REF!</definedName>
    <definedName name="_N4" localSheetId="5">#REF!</definedName>
    <definedName name="_N4" localSheetId="6">#REF!</definedName>
    <definedName name="_N4" localSheetId="7">#REF!</definedName>
    <definedName name="_N4" localSheetId="8">#REF!</definedName>
    <definedName name="_N4" localSheetId="2">#REF!</definedName>
    <definedName name="_N4">#REF!</definedName>
    <definedName name="_N5" localSheetId="4">#REF!</definedName>
    <definedName name="_N5" localSheetId="5">#REF!</definedName>
    <definedName name="_N5" localSheetId="6">#REF!</definedName>
    <definedName name="_N5" localSheetId="7">#REF!</definedName>
    <definedName name="_N5" localSheetId="8">#REF!</definedName>
    <definedName name="_N5" localSheetId="2">#REF!</definedName>
    <definedName name="_N5">#REF!</definedName>
    <definedName name="_N6" localSheetId="4">#REF!</definedName>
    <definedName name="_N6" localSheetId="5">#REF!</definedName>
    <definedName name="_N6" localSheetId="6">#REF!</definedName>
    <definedName name="_N6" localSheetId="7">#REF!</definedName>
    <definedName name="_N6" localSheetId="8">#REF!</definedName>
    <definedName name="_N6" localSheetId="2">#REF!</definedName>
    <definedName name="_N6">#REF!</definedName>
    <definedName name="_N7" localSheetId="4">#REF!</definedName>
    <definedName name="_N7" localSheetId="5">#REF!</definedName>
    <definedName name="_N7" localSheetId="6">#REF!</definedName>
    <definedName name="_N7" localSheetId="7">#REF!</definedName>
    <definedName name="_N7" localSheetId="8">#REF!</definedName>
    <definedName name="_N7" localSheetId="2">#REF!</definedName>
    <definedName name="_N7">#REF!</definedName>
    <definedName name="_N8" localSheetId="4">#REF!</definedName>
    <definedName name="_N8" localSheetId="5">#REF!</definedName>
    <definedName name="_N8" localSheetId="6">#REF!</definedName>
    <definedName name="_N8" localSheetId="7">#REF!</definedName>
    <definedName name="_N8" localSheetId="8">#REF!</definedName>
    <definedName name="_N8" localSheetId="2">#REF!</definedName>
    <definedName name="_N8">#REF!</definedName>
    <definedName name="_N9" localSheetId="4">#REF!</definedName>
    <definedName name="_N9" localSheetId="5">#REF!</definedName>
    <definedName name="_N9" localSheetId="6">#REF!</definedName>
    <definedName name="_N9" localSheetId="7">#REF!</definedName>
    <definedName name="_N9" localSheetId="8">#REF!</definedName>
    <definedName name="_N9" localSheetId="2">#REF!</definedName>
    <definedName name="_N9">#REF!</definedName>
    <definedName name="_Order1" hidden="1">255</definedName>
    <definedName name="_Order2" hidden="1">255</definedName>
    <definedName name="_P" localSheetId="4">#REF!</definedName>
    <definedName name="_P" localSheetId="5">#REF!</definedName>
    <definedName name="_P" localSheetId="6">#REF!</definedName>
    <definedName name="_P" localSheetId="7">#REF!</definedName>
    <definedName name="_P" localSheetId="8">#REF!</definedName>
    <definedName name="_P" localSheetId="9">#REF!</definedName>
    <definedName name="_P" localSheetId="2">#REF!</definedName>
    <definedName name="_P">#REF!</definedName>
    <definedName name="_P1" localSheetId="4">#REF!</definedName>
    <definedName name="_P1" localSheetId="5">#REF!</definedName>
    <definedName name="_P1" localSheetId="6">#REF!</definedName>
    <definedName name="_P1" localSheetId="7">#REF!</definedName>
    <definedName name="_P1" localSheetId="8">#REF!</definedName>
    <definedName name="_P1" localSheetId="0">#REF!</definedName>
    <definedName name="_P1" localSheetId="2">#REF!</definedName>
    <definedName name="_P1">#REF!</definedName>
    <definedName name="_p2" localSheetId="4">#REF!</definedName>
    <definedName name="_p2" localSheetId="5">#REF!</definedName>
    <definedName name="_p2" localSheetId="6">#REF!</definedName>
    <definedName name="_p2" localSheetId="7">#REF!</definedName>
    <definedName name="_p2" localSheetId="8">#REF!</definedName>
    <definedName name="_p2" localSheetId="0">#REF!</definedName>
    <definedName name="_p2" localSheetId="2">#REF!</definedName>
    <definedName name="_p2">#REF!</definedName>
    <definedName name="_p3" localSheetId="4">#REF!</definedName>
    <definedName name="_p3" localSheetId="5">#REF!</definedName>
    <definedName name="_p3" localSheetId="6">#REF!</definedName>
    <definedName name="_p3" localSheetId="7">#REF!</definedName>
    <definedName name="_p3" localSheetId="8">#REF!</definedName>
    <definedName name="_p3" localSheetId="0">#REF!</definedName>
    <definedName name="_p3" localSheetId="2">#REF!</definedName>
    <definedName name="_p3">#REF!</definedName>
    <definedName name="_Parse_Out" localSheetId="4" hidden="1">#REF!</definedName>
    <definedName name="_Parse_Out" localSheetId="5" hidden="1">#REF!</definedName>
    <definedName name="_Parse_Out" localSheetId="6" hidden="1">#REF!</definedName>
    <definedName name="_Parse_Out" localSheetId="7" hidden="1">#REF!</definedName>
    <definedName name="_Parse_Out" localSheetId="8" hidden="1">#REF!</definedName>
    <definedName name="_Parse_Out" localSheetId="0" hidden="1">#REF!</definedName>
    <definedName name="_Parse_Out" localSheetId="2" hidden="1">#REF!</definedName>
    <definedName name="_Parse_Out" hidden="1">#REF!</definedName>
    <definedName name="_RE2" localSheetId="4">#REF!</definedName>
    <definedName name="_RE2" localSheetId="5">#REF!</definedName>
    <definedName name="_RE2" localSheetId="6">#REF!</definedName>
    <definedName name="_RE2" localSheetId="7">#REF!</definedName>
    <definedName name="_RE2" localSheetId="8">#REF!</definedName>
    <definedName name="_RE2" localSheetId="2">#REF!</definedName>
    <definedName name="_RE2">#REF!</definedName>
    <definedName name="_Regression_Int" hidden="1">1</definedName>
    <definedName name="_Regression_Out" localSheetId="4" hidden="1">#REF!</definedName>
    <definedName name="_Regression_Out" localSheetId="5" hidden="1">#REF!</definedName>
    <definedName name="_Regression_Out" localSheetId="6" hidden="1">#REF!</definedName>
    <definedName name="_Regression_Out" localSheetId="7" hidden="1">#REF!</definedName>
    <definedName name="_Regression_Out" localSheetId="8" hidden="1">#REF!</definedName>
    <definedName name="_Regression_Out" localSheetId="0" hidden="1">#REF!</definedName>
    <definedName name="_Regression_Out" localSheetId="2" hidden="1">#REF!</definedName>
    <definedName name="_Regression_Out" hidden="1">#REF!</definedName>
    <definedName name="_Regression_X" localSheetId="4" hidden="1">#REF!</definedName>
    <definedName name="_Regression_X" localSheetId="5" hidden="1">#REF!</definedName>
    <definedName name="_Regression_X" localSheetId="6" hidden="1">#REF!</definedName>
    <definedName name="_Regression_X" localSheetId="7" hidden="1">#REF!</definedName>
    <definedName name="_Regression_X" localSheetId="8" hidden="1">#REF!</definedName>
    <definedName name="_Regression_X" localSheetId="0" hidden="1">#REF!</definedName>
    <definedName name="_Regression_X" localSheetId="2" hidden="1">#REF!</definedName>
    <definedName name="_Regression_X" hidden="1">#REF!</definedName>
    <definedName name="_Regression_Y" localSheetId="4" hidden="1">#REF!</definedName>
    <definedName name="_Regression_Y" localSheetId="5" hidden="1">#REF!</definedName>
    <definedName name="_Regression_Y" localSheetId="6" hidden="1">#REF!</definedName>
    <definedName name="_Regression_Y" localSheetId="7" hidden="1">#REF!</definedName>
    <definedName name="_Regression_Y" localSheetId="8" hidden="1">#REF!</definedName>
    <definedName name="_Regression_Y" localSheetId="0" hidden="1">#REF!</definedName>
    <definedName name="_Regression_Y" localSheetId="2" hidden="1">#REF!</definedName>
    <definedName name="_Regression_Y" hidden="1">#REF!</definedName>
    <definedName name="_SON1" localSheetId="4">#REF!</definedName>
    <definedName name="_SON1" localSheetId="5">#REF!</definedName>
    <definedName name="_SON1" localSheetId="6">#REF!</definedName>
    <definedName name="_SON1" localSheetId="7">#REF!</definedName>
    <definedName name="_SON1" localSheetId="8">#REF!</definedName>
    <definedName name="_SON1" localSheetId="2">#REF!</definedName>
    <definedName name="_SON1">#REF!</definedName>
    <definedName name="_son2" localSheetId="4">#REF!</definedName>
    <definedName name="_son2" localSheetId="5">#REF!</definedName>
    <definedName name="_son2" localSheetId="6">#REF!</definedName>
    <definedName name="_son2" localSheetId="7">#REF!</definedName>
    <definedName name="_son2" localSheetId="8">#REF!</definedName>
    <definedName name="_son2" localSheetId="2">#REF!</definedName>
    <definedName name="_son2">#REF!</definedName>
    <definedName name="_SON3" localSheetId="4">#REF!</definedName>
    <definedName name="_SON3" localSheetId="5">#REF!</definedName>
    <definedName name="_SON3" localSheetId="6">#REF!</definedName>
    <definedName name="_SON3" localSheetId="7">#REF!</definedName>
    <definedName name="_SON3" localSheetId="8">#REF!</definedName>
    <definedName name="_SON3" localSheetId="2">#REF!</definedName>
    <definedName name="_SON3">#REF!</definedName>
    <definedName name="_Sort" localSheetId="4" hidden="1">[4]内・屋外!#REF!</definedName>
    <definedName name="_Sort" localSheetId="5" hidden="1">[4]内・屋外!#REF!</definedName>
    <definedName name="_Sort" localSheetId="6" hidden="1">[4]内・屋外!#REF!</definedName>
    <definedName name="_Sort" localSheetId="7" hidden="1">[4]内・屋外!#REF!</definedName>
    <definedName name="_Sort" localSheetId="8" hidden="1">[4]内・屋外!#REF!</definedName>
    <definedName name="_Sort" localSheetId="9" hidden="1">#REF!</definedName>
    <definedName name="_Sort" localSheetId="0" hidden="1">[4]内・屋外!#REF!</definedName>
    <definedName name="_Sort" localSheetId="2" hidden="1">[4]内・屋外!#REF!</definedName>
    <definedName name="_Sort" hidden="1">[4]内・屋外!#REF!</definedName>
    <definedName name="_SUB2" localSheetId="4">#REF!</definedName>
    <definedName name="_SUB2" localSheetId="5">#REF!</definedName>
    <definedName name="_SUB2" localSheetId="6">#REF!</definedName>
    <definedName name="_SUB2" localSheetId="7">#REF!</definedName>
    <definedName name="_SUB2" localSheetId="8">#REF!</definedName>
    <definedName name="_SUB2" localSheetId="2">#REF!</definedName>
    <definedName name="_SUB2">#REF!</definedName>
    <definedName name="_SUB3" localSheetId="4">#REF!</definedName>
    <definedName name="_SUB3" localSheetId="5">#REF!</definedName>
    <definedName name="_SUB3" localSheetId="6">#REF!</definedName>
    <definedName name="_SUB3" localSheetId="7">#REF!</definedName>
    <definedName name="_SUB3" localSheetId="8">#REF!</definedName>
    <definedName name="_SUB3" localSheetId="2">#REF!</definedName>
    <definedName name="_SUB3">#REF!</definedName>
    <definedName name="_SUB4" localSheetId="4">#REF!</definedName>
    <definedName name="_SUB4" localSheetId="5">#REF!</definedName>
    <definedName name="_SUB4" localSheetId="6">#REF!</definedName>
    <definedName name="_SUB4" localSheetId="7">#REF!</definedName>
    <definedName name="_SUB4" localSheetId="8">#REF!</definedName>
    <definedName name="_SUB4" localSheetId="2">#REF!</definedName>
    <definedName name="_SUB4">#REF!</definedName>
    <definedName name="_Table1_In1" localSheetId="4" hidden="1">#REF!</definedName>
    <definedName name="_Table1_In1" localSheetId="5" hidden="1">#REF!</definedName>
    <definedName name="_Table1_In1" localSheetId="6" hidden="1">#REF!</definedName>
    <definedName name="_Table1_In1" localSheetId="7" hidden="1">#REF!</definedName>
    <definedName name="_Table1_In1" localSheetId="8" hidden="1">#REF!</definedName>
    <definedName name="_Table1_In1" localSheetId="2" hidden="1">#REF!</definedName>
    <definedName name="_Table1_In1" hidden="1">#REF!</definedName>
    <definedName name="_Table1_Out" localSheetId="4" hidden="1">#REF!</definedName>
    <definedName name="_Table1_Out" localSheetId="5" hidden="1">#REF!</definedName>
    <definedName name="_Table1_Out" localSheetId="6" hidden="1">#REF!</definedName>
    <definedName name="_Table1_Out" localSheetId="7" hidden="1">#REF!</definedName>
    <definedName name="_Table1_Out" localSheetId="8" hidden="1">#REF!</definedName>
    <definedName name="_Table1_Out" localSheetId="2" hidden="1">#REF!</definedName>
    <definedName name="_Table1_Out" hidden="1">#REF!</definedName>
    <definedName name="_Table2_In1" localSheetId="4" hidden="1">#REF!</definedName>
    <definedName name="_Table2_In1" localSheetId="5" hidden="1">#REF!</definedName>
    <definedName name="_Table2_In1" localSheetId="6" hidden="1">#REF!</definedName>
    <definedName name="_Table2_In1" localSheetId="7" hidden="1">#REF!</definedName>
    <definedName name="_Table2_In1" localSheetId="8" hidden="1">#REF!</definedName>
    <definedName name="_Table2_In1" localSheetId="2" hidden="1">#REF!</definedName>
    <definedName name="_Table2_In1" hidden="1">#REF!</definedName>
    <definedName name="_Table2_In2" localSheetId="4" hidden="1">#REF!</definedName>
    <definedName name="_Table2_In2" localSheetId="5" hidden="1">#REF!</definedName>
    <definedName name="_Table2_In2" localSheetId="6" hidden="1">#REF!</definedName>
    <definedName name="_Table2_In2" localSheetId="7" hidden="1">#REF!</definedName>
    <definedName name="_Table2_In2" localSheetId="8" hidden="1">#REF!</definedName>
    <definedName name="_Table2_In2" localSheetId="2" hidden="1">#REF!</definedName>
    <definedName name="_Table2_In2" hidden="1">#REF!</definedName>
    <definedName name="_Table2_Out" localSheetId="4" hidden="1">#REF!</definedName>
    <definedName name="_Table2_Out" localSheetId="5" hidden="1">#REF!</definedName>
    <definedName name="_Table2_Out" localSheetId="6" hidden="1">#REF!</definedName>
    <definedName name="_Table2_Out" localSheetId="7" hidden="1">#REF!</definedName>
    <definedName name="_Table2_Out" localSheetId="8" hidden="1">#REF!</definedName>
    <definedName name="_Table2_Out" localSheetId="2" hidden="1">#REF!</definedName>
    <definedName name="_Table2_Out" hidden="1">#REF!</definedName>
    <definedName name="_tan1" localSheetId="4">#REF!</definedName>
    <definedName name="_tan1" localSheetId="5">#REF!</definedName>
    <definedName name="_tan1" localSheetId="6">#REF!</definedName>
    <definedName name="_tan1" localSheetId="7">#REF!</definedName>
    <definedName name="_tan1" localSheetId="8">#REF!</definedName>
    <definedName name="_tan1" localSheetId="2">#REF!</definedName>
    <definedName name="_tan1">#REF!</definedName>
    <definedName name="_tan2" localSheetId="4">#REF!</definedName>
    <definedName name="_tan2" localSheetId="5">#REF!</definedName>
    <definedName name="_tan2" localSheetId="6">#REF!</definedName>
    <definedName name="_tan2" localSheetId="7">#REF!</definedName>
    <definedName name="_tan2" localSheetId="8">#REF!</definedName>
    <definedName name="_tan2" localSheetId="2">#REF!</definedName>
    <definedName name="_tan2">#REF!</definedName>
    <definedName name="_tan3" localSheetId="4">#REF!</definedName>
    <definedName name="_tan3" localSheetId="5">#REF!</definedName>
    <definedName name="_tan3" localSheetId="6">#REF!</definedName>
    <definedName name="_tan3" localSheetId="7">#REF!</definedName>
    <definedName name="_tan3" localSheetId="8">#REF!</definedName>
    <definedName name="_tan3" localSheetId="2">#REF!</definedName>
    <definedName name="_tan3">#REF!</definedName>
    <definedName name="_V1" localSheetId="4">#REF!</definedName>
    <definedName name="_V1" localSheetId="5">#REF!</definedName>
    <definedName name="_V1" localSheetId="6">#REF!</definedName>
    <definedName name="_V1" localSheetId="7">#REF!</definedName>
    <definedName name="_V1" localSheetId="8">#REF!</definedName>
    <definedName name="_V1" localSheetId="2">#REF!</definedName>
    <definedName name="_V1">#REF!</definedName>
    <definedName name="_V10" localSheetId="4">#REF!</definedName>
    <definedName name="_V10" localSheetId="5">#REF!</definedName>
    <definedName name="_V10" localSheetId="6">#REF!</definedName>
    <definedName name="_V10" localSheetId="7">#REF!</definedName>
    <definedName name="_V10" localSheetId="8">#REF!</definedName>
    <definedName name="_V10" localSheetId="2">#REF!</definedName>
    <definedName name="_V10">#REF!</definedName>
    <definedName name="_V11" localSheetId="4">#REF!</definedName>
    <definedName name="_V11" localSheetId="5">#REF!</definedName>
    <definedName name="_V11" localSheetId="6">#REF!</definedName>
    <definedName name="_V11" localSheetId="7">#REF!</definedName>
    <definedName name="_V11" localSheetId="8">#REF!</definedName>
    <definedName name="_V11" localSheetId="2">#REF!</definedName>
    <definedName name="_V11">#REF!</definedName>
    <definedName name="_V12" localSheetId="4">#REF!</definedName>
    <definedName name="_V12" localSheetId="5">#REF!</definedName>
    <definedName name="_V12" localSheetId="6">#REF!</definedName>
    <definedName name="_V12" localSheetId="7">#REF!</definedName>
    <definedName name="_V12" localSheetId="8">#REF!</definedName>
    <definedName name="_V12" localSheetId="2">#REF!</definedName>
    <definedName name="_V12">#REF!</definedName>
    <definedName name="_V13" localSheetId="4">#REF!</definedName>
    <definedName name="_V13" localSheetId="5">#REF!</definedName>
    <definedName name="_V13" localSheetId="6">#REF!</definedName>
    <definedName name="_V13" localSheetId="7">#REF!</definedName>
    <definedName name="_V13" localSheetId="8">#REF!</definedName>
    <definedName name="_V13" localSheetId="2">#REF!</definedName>
    <definedName name="_V13">#REF!</definedName>
    <definedName name="_V14" localSheetId="4">#REF!</definedName>
    <definedName name="_V14" localSheetId="5">#REF!</definedName>
    <definedName name="_V14" localSheetId="6">#REF!</definedName>
    <definedName name="_V14" localSheetId="7">#REF!</definedName>
    <definedName name="_V14" localSheetId="8">#REF!</definedName>
    <definedName name="_V14" localSheetId="2">#REF!</definedName>
    <definedName name="_V14">#REF!</definedName>
    <definedName name="_V15" localSheetId="4">#REF!</definedName>
    <definedName name="_V15" localSheetId="5">#REF!</definedName>
    <definedName name="_V15" localSheetId="6">#REF!</definedName>
    <definedName name="_V15" localSheetId="7">#REF!</definedName>
    <definedName name="_V15" localSheetId="8">#REF!</definedName>
    <definedName name="_V15" localSheetId="2">#REF!</definedName>
    <definedName name="_V15">#REF!</definedName>
    <definedName name="_V16" localSheetId="4">#REF!</definedName>
    <definedName name="_V16" localSheetId="5">#REF!</definedName>
    <definedName name="_V16" localSheetId="6">#REF!</definedName>
    <definedName name="_V16" localSheetId="7">#REF!</definedName>
    <definedName name="_V16" localSheetId="8">#REF!</definedName>
    <definedName name="_V16" localSheetId="2">#REF!</definedName>
    <definedName name="_V16">#REF!</definedName>
    <definedName name="_V17" localSheetId="4">#REF!</definedName>
    <definedName name="_V17" localSheetId="5">#REF!</definedName>
    <definedName name="_V17" localSheetId="6">#REF!</definedName>
    <definedName name="_V17" localSheetId="7">#REF!</definedName>
    <definedName name="_V17" localSheetId="8">#REF!</definedName>
    <definedName name="_V17" localSheetId="2">#REF!</definedName>
    <definedName name="_V17">#REF!</definedName>
    <definedName name="_V18" localSheetId="4">#REF!</definedName>
    <definedName name="_V18" localSheetId="5">#REF!</definedName>
    <definedName name="_V18" localSheetId="6">#REF!</definedName>
    <definedName name="_V18" localSheetId="7">#REF!</definedName>
    <definedName name="_V18" localSheetId="8">#REF!</definedName>
    <definedName name="_V18" localSheetId="2">#REF!</definedName>
    <definedName name="_V18">#REF!</definedName>
    <definedName name="_V19" localSheetId="4">#REF!</definedName>
    <definedName name="_V19" localSheetId="5">#REF!</definedName>
    <definedName name="_V19" localSheetId="6">#REF!</definedName>
    <definedName name="_V19" localSheetId="7">#REF!</definedName>
    <definedName name="_V19" localSheetId="8">#REF!</definedName>
    <definedName name="_V19" localSheetId="2">#REF!</definedName>
    <definedName name="_V19">#REF!</definedName>
    <definedName name="_V2" localSheetId="4">#REF!</definedName>
    <definedName name="_V2" localSheetId="5">#REF!</definedName>
    <definedName name="_V2" localSheetId="6">#REF!</definedName>
    <definedName name="_V2" localSheetId="7">#REF!</definedName>
    <definedName name="_V2" localSheetId="8">#REF!</definedName>
    <definedName name="_V2" localSheetId="2">#REF!</definedName>
    <definedName name="_V2">#REF!</definedName>
    <definedName name="_V20" localSheetId="4">#REF!</definedName>
    <definedName name="_V20" localSheetId="5">#REF!</definedName>
    <definedName name="_V20" localSheetId="6">#REF!</definedName>
    <definedName name="_V20" localSheetId="7">#REF!</definedName>
    <definedName name="_V20" localSheetId="8">#REF!</definedName>
    <definedName name="_V20" localSheetId="2">#REF!</definedName>
    <definedName name="_V20">#REF!</definedName>
    <definedName name="_V21" localSheetId="4">#REF!</definedName>
    <definedName name="_V21" localSheetId="5">#REF!</definedName>
    <definedName name="_V21" localSheetId="6">#REF!</definedName>
    <definedName name="_V21" localSheetId="7">#REF!</definedName>
    <definedName name="_V21" localSheetId="8">#REF!</definedName>
    <definedName name="_V21" localSheetId="2">#REF!</definedName>
    <definedName name="_V21">#REF!</definedName>
    <definedName name="_V22" localSheetId="4">#REF!</definedName>
    <definedName name="_V22" localSheetId="5">#REF!</definedName>
    <definedName name="_V22" localSheetId="6">#REF!</definedName>
    <definedName name="_V22" localSheetId="7">#REF!</definedName>
    <definedName name="_V22" localSheetId="8">#REF!</definedName>
    <definedName name="_V22" localSheetId="2">#REF!</definedName>
    <definedName name="_V22">#REF!</definedName>
    <definedName name="_V23" localSheetId="4">#REF!</definedName>
    <definedName name="_V23" localSheetId="5">#REF!</definedName>
    <definedName name="_V23" localSheetId="6">#REF!</definedName>
    <definedName name="_V23" localSheetId="7">#REF!</definedName>
    <definedName name="_V23" localSheetId="8">#REF!</definedName>
    <definedName name="_V23" localSheetId="2">#REF!</definedName>
    <definedName name="_V23">#REF!</definedName>
    <definedName name="_V24" localSheetId="4">#REF!</definedName>
    <definedName name="_V24" localSheetId="5">#REF!</definedName>
    <definedName name="_V24" localSheetId="6">#REF!</definedName>
    <definedName name="_V24" localSheetId="7">#REF!</definedName>
    <definedName name="_V24" localSheetId="8">#REF!</definedName>
    <definedName name="_V24" localSheetId="2">#REF!</definedName>
    <definedName name="_V24">#REF!</definedName>
    <definedName name="_V25" localSheetId="4">#REF!</definedName>
    <definedName name="_V25" localSheetId="5">#REF!</definedName>
    <definedName name="_V25" localSheetId="6">#REF!</definedName>
    <definedName name="_V25" localSheetId="7">#REF!</definedName>
    <definedName name="_V25" localSheetId="8">#REF!</definedName>
    <definedName name="_V25" localSheetId="2">#REF!</definedName>
    <definedName name="_V25">#REF!</definedName>
    <definedName name="_V26" localSheetId="4">#REF!</definedName>
    <definedName name="_V26" localSheetId="5">#REF!</definedName>
    <definedName name="_V26" localSheetId="6">#REF!</definedName>
    <definedName name="_V26" localSheetId="7">#REF!</definedName>
    <definedName name="_V26" localSheetId="8">#REF!</definedName>
    <definedName name="_V26" localSheetId="2">#REF!</definedName>
    <definedName name="_V26">#REF!</definedName>
    <definedName name="_V27" localSheetId="4">#REF!</definedName>
    <definedName name="_V27" localSheetId="5">#REF!</definedName>
    <definedName name="_V27" localSheetId="6">#REF!</definedName>
    <definedName name="_V27" localSheetId="7">#REF!</definedName>
    <definedName name="_V27" localSheetId="8">#REF!</definedName>
    <definedName name="_V27" localSheetId="2">#REF!</definedName>
    <definedName name="_V27">#REF!</definedName>
    <definedName name="_V28" localSheetId="4">#REF!</definedName>
    <definedName name="_V28" localSheetId="5">#REF!</definedName>
    <definedName name="_V28" localSheetId="6">#REF!</definedName>
    <definedName name="_V28" localSheetId="7">#REF!</definedName>
    <definedName name="_V28" localSheetId="8">#REF!</definedName>
    <definedName name="_V28" localSheetId="2">#REF!</definedName>
    <definedName name="_V28">#REF!</definedName>
    <definedName name="_V29" localSheetId="4">#REF!</definedName>
    <definedName name="_V29" localSheetId="5">#REF!</definedName>
    <definedName name="_V29" localSheetId="6">#REF!</definedName>
    <definedName name="_V29" localSheetId="7">#REF!</definedName>
    <definedName name="_V29" localSheetId="8">#REF!</definedName>
    <definedName name="_V29" localSheetId="2">#REF!</definedName>
    <definedName name="_V29">#REF!</definedName>
    <definedName name="_V3" localSheetId="4">#REF!</definedName>
    <definedName name="_V3" localSheetId="5">#REF!</definedName>
    <definedName name="_V3" localSheetId="6">#REF!</definedName>
    <definedName name="_V3" localSheetId="7">#REF!</definedName>
    <definedName name="_V3" localSheetId="8">#REF!</definedName>
    <definedName name="_V3" localSheetId="2">#REF!</definedName>
    <definedName name="_V3">#REF!</definedName>
    <definedName name="_V30" localSheetId="4">#REF!</definedName>
    <definedName name="_V30" localSheetId="5">#REF!</definedName>
    <definedName name="_V30" localSheetId="6">#REF!</definedName>
    <definedName name="_V30" localSheetId="7">#REF!</definedName>
    <definedName name="_V30" localSheetId="8">#REF!</definedName>
    <definedName name="_V30" localSheetId="2">#REF!</definedName>
    <definedName name="_V30">#REF!</definedName>
    <definedName name="_V31" localSheetId="4">#REF!</definedName>
    <definedName name="_V31" localSheetId="5">#REF!</definedName>
    <definedName name="_V31" localSheetId="6">#REF!</definedName>
    <definedName name="_V31" localSheetId="7">#REF!</definedName>
    <definedName name="_V31" localSheetId="8">#REF!</definedName>
    <definedName name="_V31" localSheetId="2">#REF!</definedName>
    <definedName name="_V31">#REF!</definedName>
    <definedName name="_V32" localSheetId="4">#REF!</definedName>
    <definedName name="_V32" localSheetId="5">#REF!</definedName>
    <definedName name="_V32" localSheetId="6">#REF!</definedName>
    <definedName name="_V32" localSheetId="7">#REF!</definedName>
    <definedName name="_V32" localSheetId="8">#REF!</definedName>
    <definedName name="_V32" localSheetId="2">#REF!</definedName>
    <definedName name="_V32">#REF!</definedName>
    <definedName name="_V33" localSheetId="4">#REF!</definedName>
    <definedName name="_V33" localSheetId="5">#REF!</definedName>
    <definedName name="_V33" localSheetId="6">#REF!</definedName>
    <definedName name="_V33" localSheetId="7">#REF!</definedName>
    <definedName name="_V33" localSheetId="8">#REF!</definedName>
    <definedName name="_V33" localSheetId="2">#REF!</definedName>
    <definedName name="_V33">#REF!</definedName>
    <definedName name="_V34" localSheetId="4">#REF!</definedName>
    <definedName name="_V34" localSheetId="5">#REF!</definedName>
    <definedName name="_V34" localSheetId="6">#REF!</definedName>
    <definedName name="_V34" localSheetId="7">#REF!</definedName>
    <definedName name="_V34" localSheetId="8">#REF!</definedName>
    <definedName name="_V34" localSheetId="2">#REF!</definedName>
    <definedName name="_V34">#REF!</definedName>
    <definedName name="_V35" localSheetId="4">#REF!</definedName>
    <definedName name="_V35" localSheetId="5">#REF!</definedName>
    <definedName name="_V35" localSheetId="6">#REF!</definedName>
    <definedName name="_V35" localSheetId="7">#REF!</definedName>
    <definedName name="_V35" localSheetId="8">#REF!</definedName>
    <definedName name="_V35" localSheetId="2">#REF!</definedName>
    <definedName name="_V35">#REF!</definedName>
    <definedName name="_V36" localSheetId="4">#REF!</definedName>
    <definedName name="_V36" localSheetId="5">#REF!</definedName>
    <definedName name="_V36" localSheetId="6">#REF!</definedName>
    <definedName name="_V36" localSheetId="7">#REF!</definedName>
    <definedName name="_V36" localSheetId="8">#REF!</definedName>
    <definedName name="_V36" localSheetId="2">#REF!</definedName>
    <definedName name="_V36">#REF!</definedName>
    <definedName name="_V37" localSheetId="4">#REF!</definedName>
    <definedName name="_V37" localSheetId="5">#REF!</definedName>
    <definedName name="_V37" localSheetId="6">#REF!</definedName>
    <definedName name="_V37" localSheetId="7">#REF!</definedName>
    <definedName name="_V37" localSheetId="8">#REF!</definedName>
    <definedName name="_V37" localSheetId="2">#REF!</definedName>
    <definedName name="_V37">#REF!</definedName>
    <definedName name="_V38" localSheetId="4">#REF!</definedName>
    <definedName name="_V38" localSheetId="5">#REF!</definedName>
    <definedName name="_V38" localSheetId="6">#REF!</definedName>
    <definedName name="_V38" localSheetId="7">#REF!</definedName>
    <definedName name="_V38" localSheetId="8">#REF!</definedName>
    <definedName name="_V38" localSheetId="2">#REF!</definedName>
    <definedName name="_V38">#REF!</definedName>
    <definedName name="_V4" localSheetId="4">#REF!</definedName>
    <definedName name="_V4" localSheetId="5">#REF!</definedName>
    <definedName name="_V4" localSheetId="6">#REF!</definedName>
    <definedName name="_V4" localSheetId="7">#REF!</definedName>
    <definedName name="_V4" localSheetId="8">#REF!</definedName>
    <definedName name="_V4" localSheetId="2">#REF!</definedName>
    <definedName name="_V4">#REF!</definedName>
    <definedName name="_V5" localSheetId="4">#REF!</definedName>
    <definedName name="_V5" localSheetId="5">#REF!</definedName>
    <definedName name="_V5" localSheetId="6">#REF!</definedName>
    <definedName name="_V5" localSheetId="7">#REF!</definedName>
    <definedName name="_V5" localSheetId="8">#REF!</definedName>
    <definedName name="_V5" localSheetId="2">#REF!</definedName>
    <definedName name="_V5">#REF!</definedName>
    <definedName name="_V6" localSheetId="4">#REF!</definedName>
    <definedName name="_V6" localSheetId="5">#REF!</definedName>
    <definedName name="_V6" localSheetId="6">#REF!</definedName>
    <definedName name="_V6" localSheetId="7">#REF!</definedName>
    <definedName name="_V6" localSheetId="8">#REF!</definedName>
    <definedName name="_V6" localSheetId="2">#REF!</definedName>
    <definedName name="_V6">#REF!</definedName>
    <definedName name="_V7" localSheetId="4">#REF!</definedName>
    <definedName name="_V7" localSheetId="5">#REF!</definedName>
    <definedName name="_V7" localSheetId="6">#REF!</definedName>
    <definedName name="_V7" localSheetId="7">#REF!</definedName>
    <definedName name="_V7" localSheetId="8">#REF!</definedName>
    <definedName name="_V7" localSheetId="2">#REF!</definedName>
    <definedName name="_V7">#REF!</definedName>
    <definedName name="_V8" localSheetId="4">#REF!</definedName>
    <definedName name="_V8" localSheetId="5">#REF!</definedName>
    <definedName name="_V8" localSheetId="6">#REF!</definedName>
    <definedName name="_V8" localSheetId="7">#REF!</definedName>
    <definedName name="_V8" localSheetId="8">#REF!</definedName>
    <definedName name="_V8" localSheetId="2">#REF!</definedName>
    <definedName name="_V8">#REF!</definedName>
    <definedName name="_V9" localSheetId="4">#REF!</definedName>
    <definedName name="_V9" localSheetId="5">#REF!</definedName>
    <definedName name="_V9" localSheetId="6">#REF!</definedName>
    <definedName name="_V9" localSheetId="7">#REF!</definedName>
    <definedName name="_V9" localSheetId="8">#REF!</definedName>
    <definedName name="_V9" localSheetId="2">#REF!</definedName>
    <definedName name="_V9">#REF!</definedName>
    <definedName name="\0" localSheetId="4">#REF!</definedName>
    <definedName name="\0" localSheetId="5">#REF!</definedName>
    <definedName name="\0" localSheetId="6">#REF!</definedName>
    <definedName name="\0" localSheetId="7">#REF!</definedName>
    <definedName name="\0" localSheetId="8">#REF!</definedName>
    <definedName name="\0" localSheetId="2">#REF!</definedName>
    <definedName name="\0">#REF!</definedName>
    <definedName name="\1">[14]諸経費計算表!$R$3:$AA$38</definedName>
    <definedName name="\11">[14]諸経費計算表!$R$3:$AA$38</definedName>
    <definedName name="￥1250" localSheetId="4">#REF!</definedName>
    <definedName name="￥1250" localSheetId="5">#REF!</definedName>
    <definedName name="￥1250" localSheetId="6">#REF!</definedName>
    <definedName name="￥1250" localSheetId="7">#REF!</definedName>
    <definedName name="￥1250" localSheetId="8">#REF!</definedName>
    <definedName name="￥1250" localSheetId="9">#REF!</definedName>
    <definedName name="￥1250" localSheetId="2">#REF!</definedName>
    <definedName name="￥1250">#REF!</definedName>
    <definedName name="￥1900" localSheetId="4">#REF!</definedName>
    <definedName name="￥1900" localSheetId="5">#REF!</definedName>
    <definedName name="￥1900" localSheetId="6">#REF!</definedName>
    <definedName name="￥1900" localSheetId="7">#REF!</definedName>
    <definedName name="￥1900" localSheetId="8">#REF!</definedName>
    <definedName name="￥1900" localSheetId="2">#REF!</definedName>
    <definedName name="￥1900">#REF!</definedName>
    <definedName name="\2">[14]諸経費計算表!$A$8:$F$65</definedName>
    <definedName name="\9" localSheetId="8">[15]率計算!#REF!</definedName>
    <definedName name="\9">[15]率計算!#REF!</definedName>
    <definedName name="\A" localSheetId="4">#REF!</definedName>
    <definedName name="\A" localSheetId="5">#REF!</definedName>
    <definedName name="\A" localSheetId="6">#REF!</definedName>
    <definedName name="\A" localSheetId="7">#REF!</definedName>
    <definedName name="\A" localSheetId="8">#REF!</definedName>
    <definedName name="\A" localSheetId="9">#REF!</definedName>
    <definedName name="\A" localSheetId="0">#REF!</definedName>
    <definedName name="\A" localSheetId="2">#REF!</definedName>
    <definedName name="\A">#REF!</definedName>
    <definedName name="\A1" localSheetId="4">#REF!</definedName>
    <definedName name="\A1" localSheetId="5">#REF!</definedName>
    <definedName name="\A1" localSheetId="6">#REF!</definedName>
    <definedName name="\A1" localSheetId="7">#REF!</definedName>
    <definedName name="\A1" localSheetId="8">#REF!</definedName>
    <definedName name="\A1" localSheetId="0">#REF!</definedName>
    <definedName name="\A1" localSheetId="2">#REF!</definedName>
    <definedName name="\A1">#REF!</definedName>
    <definedName name="\AAA" localSheetId="4">#REF!</definedName>
    <definedName name="\AAA" localSheetId="5">#REF!</definedName>
    <definedName name="\AAA" localSheetId="6">#REF!</definedName>
    <definedName name="\AAA" localSheetId="7">#REF!</definedName>
    <definedName name="\AAA" localSheetId="8">#REF!</definedName>
    <definedName name="\AAA" localSheetId="0">#REF!</definedName>
    <definedName name="\AAA" localSheetId="2">#REF!</definedName>
    <definedName name="\AAA">#REF!</definedName>
    <definedName name="\B" localSheetId="4">#REF!</definedName>
    <definedName name="\B" localSheetId="5">#REF!</definedName>
    <definedName name="\B" localSheetId="6">#REF!</definedName>
    <definedName name="\B" localSheetId="7">#REF!</definedName>
    <definedName name="\B" localSheetId="8">#REF!</definedName>
    <definedName name="\B" localSheetId="9">#REF!</definedName>
    <definedName name="\B" localSheetId="0">#REF!</definedName>
    <definedName name="\B" localSheetId="2">#REF!</definedName>
    <definedName name="\B">#REF!</definedName>
    <definedName name="\B1" localSheetId="4">#REF!</definedName>
    <definedName name="\B1" localSheetId="5">#REF!</definedName>
    <definedName name="\B1" localSheetId="6">#REF!</definedName>
    <definedName name="\B1" localSheetId="7">#REF!</definedName>
    <definedName name="\B1" localSheetId="8">#REF!</definedName>
    <definedName name="\B1" localSheetId="9">#REF!</definedName>
    <definedName name="\B1" localSheetId="0">#REF!</definedName>
    <definedName name="\B1" localSheetId="2">#REF!</definedName>
    <definedName name="\B1">#REF!</definedName>
    <definedName name="\C" localSheetId="4">#REF!</definedName>
    <definedName name="\C" localSheetId="5">#REF!</definedName>
    <definedName name="\C" localSheetId="6">#REF!</definedName>
    <definedName name="\C" localSheetId="7">#REF!</definedName>
    <definedName name="\C" localSheetId="8">#REF!</definedName>
    <definedName name="\C" localSheetId="9">#REF!</definedName>
    <definedName name="\C" localSheetId="0">#REF!</definedName>
    <definedName name="\C" localSheetId="2">#REF!</definedName>
    <definedName name="\C">#REF!</definedName>
    <definedName name="\C1" localSheetId="4">#REF!</definedName>
    <definedName name="\C1" localSheetId="5">#REF!</definedName>
    <definedName name="\C1" localSheetId="6">#REF!</definedName>
    <definedName name="\C1" localSheetId="7">#REF!</definedName>
    <definedName name="\C1" localSheetId="8">#REF!</definedName>
    <definedName name="\C1" localSheetId="9">#REF!</definedName>
    <definedName name="\C1" localSheetId="0">#REF!</definedName>
    <definedName name="\C1" localSheetId="2">#REF!</definedName>
    <definedName name="\C1">#REF!</definedName>
    <definedName name="\D" localSheetId="4">#REF!</definedName>
    <definedName name="\D" localSheetId="5">#REF!</definedName>
    <definedName name="\D" localSheetId="6">#REF!</definedName>
    <definedName name="\D" localSheetId="7">#REF!</definedName>
    <definedName name="\D" localSheetId="8">#REF!</definedName>
    <definedName name="\D" localSheetId="9">#REF!</definedName>
    <definedName name="\D" localSheetId="0">#REF!</definedName>
    <definedName name="\D" localSheetId="2">#REF!</definedName>
    <definedName name="\D">#REF!</definedName>
    <definedName name="\D1" localSheetId="4">#REF!</definedName>
    <definedName name="\D1" localSheetId="5">#REF!</definedName>
    <definedName name="\D1" localSheetId="6">#REF!</definedName>
    <definedName name="\D1" localSheetId="7">#REF!</definedName>
    <definedName name="\D1" localSheetId="8">#REF!</definedName>
    <definedName name="\D1" localSheetId="9">#REF!</definedName>
    <definedName name="\D1" localSheetId="0">#REF!</definedName>
    <definedName name="\D1" localSheetId="2">#REF!</definedName>
    <definedName name="\D1">#REF!</definedName>
    <definedName name="\E" localSheetId="4">#REF!</definedName>
    <definedName name="\E" localSheetId="5">#REF!</definedName>
    <definedName name="\E" localSheetId="6">#REF!</definedName>
    <definedName name="\E" localSheetId="7">#REF!</definedName>
    <definedName name="\E" localSheetId="8">#REF!</definedName>
    <definedName name="\E" localSheetId="9">#REF!</definedName>
    <definedName name="\E" localSheetId="0">#REF!</definedName>
    <definedName name="\E" localSheetId="2">#REF!</definedName>
    <definedName name="\E">#REF!</definedName>
    <definedName name="\E1" localSheetId="4">#REF!</definedName>
    <definedName name="\E1" localSheetId="5">#REF!</definedName>
    <definedName name="\E1" localSheetId="6">#REF!</definedName>
    <definedName name="\E1" localSheetId="7">#REF!</definedName>
    <definedName name="\E1" localSheetId="8">#REF!</definedName>
    <definedName name="\E1" localSheetId="0">#REF!</definedName>
    <definedName name="\E1" localSheetId="2">#REF!</definedName>
    <definedName name="\E1">#REF!</definedName>
    <definedName name="\F" localSheetId="4">#REF!</definedName>
    <definedName name="\F" localSheetId="5">#REF!</definedName>
    <definedName name="\F" localSheetId="6">#REF!</definedName>
    <definedName name="\F" localSheetId="7">#REF!</definedName>
    <definedName name="\F" localSheetId="8">#REF!</definedName>
    <definedName name="\F" localSheetId="0">#REF!</definedName>
    <definedName name="\F" localSheetId="2">#REF!</definedName>
    <definedName name="\F">#REF!</definedName>
    <definedName name="\F1" localSheetId="4">#REF!</definedName>
    <definedName name="\F1" localSheetId="5">#REF!</definedName>
    <definedName name="\F1" localSheetId="6">#REF!</definedName>
    <definedName name="\F1" localSheetId="7">#REF!</definedName>
    <definedName name="\F1" localSheetId="8">#REF!</definedName>
    <definedName name="\F1" localSheetId="0">#REF!</definedName>
    <definedName name="\F1" localSheetId="2">#REF!</definedName>
    <definedName name="\F1">#REF!</definedName>
    <definedName name="\G" localSheetId="4">#REF!</definedName>
    <definedName name="\G" localSheetId="5">#REF!</definedName>
    <definedName name="\G" localSheetId="6">#REF!</definedName>
    <definedName name="\G" localSheetId="7">#REF!</definedName>
    <definedName name="\G" localSheetId="8">#REF!</definedName>
    <definedName name="\G" localSheetId="0">#REF!</definedName>
    <definedName name="\G" localSheetId="2">#REF!</definedName>
    <definedName name="\G">#REF!</definedName>
    <definedName name="\G1" localSheetId="4">#REF!</definedName>
    <definedName name="\G1" localSheetId="5">#REF!</definedName>
    <definedName name="\G1" localSheetId="6">#REF!</definedName>
    <definedName name="\G1" localSheetId="7">#REF!</definedName>
    <definedName name="\G1" localSheetId="8">#REF!</definedName>
    <definedName name="\G1" localSheetId="0">#REF!</definedName>
    <definedName name="\G1" localSheetId="2">#REF!</definedName>
    <definedName name="\G1">#REF!</definedName>
    <definedName name="\GOTO" localSheetId="4">#REF!</definedName>
    <definedName name="\GOTO" localSheetId="5">#REF!</definedName>
    <definedName name="\GOTO" localSheetId="6">#REF!</definedName>
    <definedName name="\GOTO" localSheetId="7">#REF!</definedName>
    <definedName name="\GOTO" localSheetId="8">#REF!</definedName>
    <definedName name="\GOTO" localSheetId="0">#REF!</definedName>
    <definedName name="\GOTO" localSheetId="2">#REF!</definedName>
    <definedName name="\GOTO">#REF!</definedName>
    <definedName name="\H" localSheetId="4">#REF!</definedName>
    <definedName name="\H" localSheetId="5">#REF!</definedName>
    <definedName name="\H" localSheetId="6">#REF!</definedName>
    <definedName name="\H" localSheetId="7">#REF!</definedName>
    <definedName name="\H" localSheetId="8">#REF!</definedName>
    <definedName name="\H" localSheetId="0">#REF!</definedName>
    <definedName name="\H" localSheetId="2">#REF!</definedName>
    <definedName name="\H">#REF!</definedName>
    <definedName name="\H1" localSheetId="4">#REF!</definedName>
    <definedName name="\H1" localSheetId="5">#REF!</definedName>
    <definedName name="\H1" localSheetId="6">#REF!</definedName>
    <definedName name="\H1" localSheetId="7">#REF!</definedName>
    <definedName name="\H1" localSheetId="8">#REF!</definedName>
    <definedName name="\H1" localSheetId="0">#REF!</definedName>
    <definedName name="\H1" localSheetId="2">#REF!</definedName>
    <definedName name="\H1">#REF!</definedName>
    <definedName name="\I" localSheetId="4">#REF!</definedName>
    <definedName name="\I" localSheetId="5">#REF!</definedName>
    <definedName name="\I" localSheetId="6">#REF!</definedName>
    <definedName name="\I" localSheetId="7">#REF!</definedName>
    <definedName name="\I" localSheetId="8">#REF!</definedName>
    <definedName name="\I" localSheetId="0">#REF!</definedName>
    <definedName name="\I" localSheetId="2">#REF!</definedName>
    <definedName name="\I">#REF!</definedName>
    <definedName name="\I1" localSheetId="4">#REF!</definedName>
    <definedName name="\I1" localSheetId="5">#REF!</definedName>
    <definedName name="\I1" localSheetId="6">#REF!</definedName>
    <definedName name="\I1" localSheetId="7">#REF!</definedName>
    <definedName name="\I1" localSheetId="8">#REF!</definedName>
    <definedName name="\I1" localSheetId="0">#REF!</definedName>
    <definedName name="\I1" localSheetId="2">#REF!</definedName>
    <definedName name="\I1">#REF!</definedName>
    <definedName name="\J" localSheetId="4">#REF!</definedName>
    <definedName name="\J" localSheetId="5">#REF!</definedName>
    <definedName name="\J" localSheetId="6">#REF!</definedName>
    <definedName name="\J" localSheetId="7">#REF!</definedName>
    <definedName name="\J" localSheetId="8">#REF!</definedName>
    <definedName name="\J" localSheetId="0">#REF!</definedName>
    <definedName name="\J" localSheetId="2">#REF!</definedName>
    <definedName name="\J">#REF!</definedName>
    <definedName name="\J1" localSheetId="4">#REF!</definedName>
    <definedName name="\J1" localSheetId="5">#REF!</definedName>
    <definedName name="\J1" localSheetId="6">#REF!</definedName>
    <definedName name="\J1" localSheetId="7">#REF!</definedName>
    <definedName name="\J1" localSheetId="8">#REF!</definedName>
    <definedName name="\J1" localSheetId="0">#REF!</definedName>
    <definedName name="\J1" localSheetId="2">#REF!</definedName>
    <definedName name="\J1">#REF!</definedName>
    <definedName name="\K" localSheetId="4">#REF!</definedName>
    <definedName name="\K" localSheetId="5">#REF!</definedName>
    <definedName name="\K" localSheetId="6">#REF!</definedName>
    <definedName name="\K" localSheetId="7">#REF!</definedName>
    <definedName name="\K" localSheetId="8">#REF!</definedName>
    <definedName name="\K" localSheetId="0">#REF!</definedName>
    <definedName name="\K" localSheetId="2">#REF!</definedName>
    <definedName name="\K">#REF!</definedName>
    <definedName name="\K1" localSheetId="4">#REF!</definedName>
    <definedName name="\K1" localSheetId="5">#REF!</definedName>
    <definedName name="\K1" localSheetId="6">#REF!</definedName>
    <definedName name="\K1" localSheetId="7">#REF!</definedName>
    <definedName name="\K1" localSheetId="8">#REF!</definedName>
    <definedName name="\K1" localSheetId="0">#REF!</definedName>
    <definedName name="\K1" localSheetId="2">#REF!</definedName>
    <definedName name="\K1">#REF!</definedName>
    <definedName name="\L" localSheetId="4">#REF!</definedName>
    <definedName name="\L" localSheetId="5">#REF!</definedName>
    <definedName name="\L" localSheetId="6">#REF!</definedName>
    <definedName name="\L" localSheetId="7">#REF!</definedName>
    <definedName name="\L" localSheetId="8">#REF!</definedName>
    <definedName name="\L" localSheetId="0">#REF!</definedName>
    <definedName name="\L" localSheetId="2">#REF!</definedName>
    <definedName name="\L">#REF!</definedName>
    <definedName name="\L1" localSheetId="4">#REF!</definedName>
    <definedName name="\L1" localSheetId="5">#REF!</definedName>
    <definedName name="\L1" localSheetId="6">#REF!</definedName>
    <definedName name="\L1" localSheetId="7">#REF!</definedName>
    <definedName name="\L1" localSheetId="8">#REF!</definedName>
    <definedName name="\L1" localSheetId="0">#REF!</definedName>
    <definedName name="\L1" localSheetId="2">#REF!</definedName>
    <definedName name="\L1">#REF!</definedName>
    <definedName name="\M" localSheetId="4">#REF!</definedName>
    <definedName name="\M" localSheetId="5">#REF!</definedName>
    <definedName name="\M" localSheetId="6">#REF!</definedName>
    <definedName name="\M" localSheetId="7">#REF!</definedName>
    <definedName name="\M" localSheetId="8">#REF!</definedName>
    <definedName name="\M" localSheetId="0">#REF!</definedName>
    <definedName name="\M" localSheetId="2">#REF!</definedName>
    <definedName name="\M">#REF!</definedName>
    <definedName name="\M1" localSheetId="4">#REF!</definedName>
    <definedName name="\M1" localSheetId="5">#REF!</definedName>
    <definedName name="\M1" localSheetId="6">#REF!</definedName>
    <definedName name="\M1" localSheetId="7">#REF!</definedName>
    <definedName name="\M1" localSheetId="8">#REF!</definedName>
    <definedName name="\M1" localSheetId="0">#REF!</definedName>
    <definedName name="\M1" localSheetId="2">#REF!</definedName>
    <definedName name="\M1">#REF!</definedName>
    <definedName name="\N" localSheetId="4">#REF!</definedName>
    <definedName name="\N" localSheetId="5">#REF!</definedName>
    <definedName name="\N" localSheetId="6">#REF!</definedName>
    <definedName name="\N" localSheetId="7">#REF!</definedName>
    <definedName name="\N" localSheetId="8">#REF!</definedName>
    <definedName name="\N" localSheetId="0">#REF!</definedName>
    <definedName name="\N" localSheetId="2">#REF!</definedName>
    <definedName name="\N">#REF!</definedName>
    <definedName name="\N1" localSheetId="4">#REF!</definedName>
    <definedName name="\N1" localSheetId="5">#REF!</definedName>
    <definedName name="\N1" localSheetId="6">#REF!</definedName>
    <definedName name="\N1" localSheetId="7">#REF!</definedName>
    <definedName name="\N1" localSheetId="8">#REF!</definedName>
    <definedName name="\N1" localSheetId="0">#REF!</definedName>
    <definedName name="\N1" localSheetId="2">#REF!</definedName>
    <definedName name="\N1">#REF!</definedName>
    <definedName name="\O" localSheetId="4">#REF!</definedName>
    <definedName name="\O" localSheetId="5">#REF!</definedName>
    <definedName name="\O" localSheetId="6">#REF!</definedName>
    <definedName name="\O" localSheetId="7">#REF!</definedName>
    <definedName name="\O" localSheetId="8">#REF!</definedName>
    <definedName name="\O" localSheetId="0">#REF!</definedName>
    <definedName name="\O" localSheetId="2">#REF!</definedName>
    <definedName name="\O">#REF!</definedName>
    <definedName name="\O1" localSheetId="4">#REF!</definedName>
    <definedName name="\O1" localSheetId="5">#REF!</definedName>
    <definedName name="\O1" localSheetId="6">#REF!</definedName>
    <definedName name="\O1" localSheetId="7">#REF!</definedName>
    <definedName name="\O1" localSheetId="8">#REF!</definedName>
    <definedName name="\O1" localSheetId="0">#REF!</definedName>
    <definedName name="\O1" localSheetId="2">#REF!</definedName>
    <definedName name="\O1">#REF!</definedName>
    <definedName name="\P" localSheetId="4">#REF!</definedName>
    <definedName name="\P" localSheetId="5">#REF!</definedName>
    <definedName name="\P" localSheetId="6">#REF!</definedName>
    <definedName name="\P" localSheetId="7">#REF!</definedName>
    <definedName name="\P" localSheetId="8">#REF!</definedName>
    <definedName name="\P" localSheetId="0">#REF!</definedName>
    <definedName name="\P" localSheetId="2">#REF!</definedName>
    <definedName name="\P">#REF!</definedName>
    <definedName name="\P1" localSheetId="4">#REF!</definedName>
    <definedName name="\P1" localSheetId="5">#REF!</definedName>
    <definedName name="\P1" localSheetId="6">#REF!</definedName>
    <definedName name="\P1" localSheetId="7">#REF!</definedName>
    <definedName name="\P1" localSheetId="8">#REF!</definedName>
    <definedName name="\P1" localSheetId="2">#REF!</definedName>
    <definedName name="\P1">#REF!</definedName>
    <definedName name="\pn">[14]諸経費計算表!$A$2</definedName>
    <definedName name="\Q" localSheetId="4">#REF!</definedName>
    <definedName name="\Q" localSheetId="5">#REF!</definedName>
    <definedName name="\Q" localSheetId="6">#REF!</definedName>
    <definedName name="\Q" localSheetId="7">#REF!</definedName>
    <definedName name="\Q" localSheetId="8">#REF!</definedName>
    <definedName name="\Q" localSheetId="0">#REF!</definedName>
    <definedName name="\Q" localSheetId="2">#REF!</definedName>
    <definedName name="\Q">#REF!</definedName>
    <definedName name="\R" localSheetId="4">#REF!</definedName>
    <definedName name="\R" localSheetId="5">#REF!</definedName>
    <definedName name="\R" localSheetId="6">#REF!</definedName>
    <definedName name="\R" localSheetId="7">#REF!</definedName>
    <definedName name="\R" localSheetId="8">#REF!</definedName>
    <definedName name="\R" localSheetId="0">#REF!</definedName>
    <definedName name="\R" localSheetId="2">#REF!</definedName>
    <definedName name="\R">#REF!</definedName>
    <definedName name="\S" localSheetId="4">#REF!</definedName>
    <definedName name="\S" localSheetId="5">#REF!</definedName>
    <definedName name="\S" localSheetId="6">#REF!</definedName>
    <definedName name="\S" localSheetId="7">#REF!</definedName>
    <definedName name="\S" localSheetId="8">#REF!</definedName>
    <definedName name="\S" localSheetId="0">#REF!</definedName>
    <definedName name="\S" localSheetId="2">#REF!</definedName>
    <definedName name="\S">#REF!</definedName>
    <definedName name="\T" localSheetId="4">#REF!</definedName>
    <definedName name="\T" localSheetId="5">#REF!</definedName>
    <definedName name="\T" localSheetId="6">#REF!</definedName>
    <definedName name="\T" localSheetId="7">#REF!</definedName>
    <definedName name="\T" localSheetId="8">#REF!</definedName>
    <definedName name="\T" localSheetId="0">#REF!</definedName>
    <definedName name="\T" localSheetId="2">#REF!</definedName>
    <definedName name="\T">#REF!</definedName>
    <definedName name="\U" localSheetId="4">#REF!</definedName>
    <definedName name="\U" localSheetId="5">#REF!</definedName>
    <definedName name="\U" localSheetId="6">#REF!</definedName>
    <definedName name="\U" localSheetId="7">#REF!</definedName>
    <definedName name="\U" localSheetId="8">#REF!</definedName>
    <definedName name="\U" localSheetId="0">#REF!</definedName>
    <definedName name="\U" localSheetId="2">#REF!</definedName>
    <definedName name="\U">#REF!</definedName>
    <definedName name="\V" localSheetId="4">#REF!</definedName>
    <definedName name="\V" localSheetId="5">#REF!</definedName>
    <definedName name="\V" localSheetId="6">#REF!</definedName>
    <definedName name="\V" localSheetId="7">#REF!</definedName>
    <definedName name="\V" localSheetId="8">#REF!</definedName>
    <definedName name="\V" localSheetId="0">#REF!</definedName>
    <definedName name="\V" localSheetId="2">#REF!</definedName>
    <definedName name="\V">#REF!</definedName>
    <definedName name="\W" localSheetId="4">#REF!</definedName>
    <definedName name="\W" localSheetId="5">#REF!</definedName>
    <definedName name="\W" localSheetId="6">#REF!</definedName>
    <definedName name="\W" localSheetId="7">#REF!</definedName>
    <definedName name="\W" localSheetId="8">#REF!</definedName>
    <definedName name="\W" localSheetId="0">#REF!</definedName>
    <definedName name="\W" localSheetId="2">#REF!</definedName>
    <definedName name="\W">#REF!</definedName>
    <definedName name="\X" localSheetId="4">#REF!</definedName>
    <definedName name="\X" localSheetId="5">#REF!</definedName>
    <definedName name="\X" localSheetId="6">#REF!</definedName>
    <definedName name="\X" localSheetId="7">#REF!</definedName>
    <definedName name="\X" localSheetId="8">#REF!</definedName>
    <definedName name="\X" localSheetId="0">#REF!</definedName>
    <definedName name="\X" localSheetId="2">#REF!</definedName>
    <definedName name="\X">#REF!</definedName>
    <definedName name="\Y" localSheetId="4">#REF!</definedName>
    <definedName name="\Y" localSheetId="5">#REF!</definedName>
    <definedName name="\Y" localSheetId="6">#REF!</definedName>
    <definedName name="\Y" localSheetId="7">#REF!</definedName>
    <definedName name="\Y" localSheetId="8">#REF!</definedName>
    <definedName name="\Y" localSheetId="0">#REF!</definedName>
    <definedName name="\Y" localSheetId="2">#REF!</definedName>
    <definedName name="\Y">#REF!</definedName>
    <definedName name="\Z" localSheetId="4">#REF!</definedName>
    <definedName name="\Z" localSheetId="5">#REF!</definedName>
    <definedName name="\Z" localSheetId="6">#REF!</definedName>
    <definedName name="\Z" localSheetId="7">#REF!</definedName>
    <definedName name="\Z" localSheetId="8">#REF!</definedName>
    <definedName name="\Z" localSheetId="0">#REF!</definedName>
    <definedName name="\Z" localSheetId="2">#REF!</definedName>
    <definedName name="\Z">#REF!</definedName>
    <definedName name="￥あ">[16]土工!$D$2</definedName>
    <definedName name="\一覧表" localSheetId="4">#REF!</definedName>
    <definedName name="\一覧表" localSheetId="5">#REF!</definedName>
    <definedName name="\一覧表" localSheetId="6">#REF!</definedName>
    <definedName name="\一覧表" localSheetId="7">#REF!</definedName>
    <definedName name="\一覧表" localSheetId="8">#REF!</definedName>
    <definedName name="\一覧表" localSheetId="0">#REF!</definedName>
    <definedName name="\一覧表" localSheetId="2">#REF!</definedName>
    <definedName name="\一覧表">#REF!</definedName>
    <definedName name="\印刷設定" localSheetId="4">#REF!</definedName>
    <definedName name="\印刷設定" localSheetId="5">#REF!</definedName>
    <definedName name="\印刷設定" localSheetId="6">#REF!</definedName>
    <definedName name="\印刷設定" localSheetId="7">#REF!</definedName>
    <definedName name="\印刷設定" localSheetId="8">#REF!</definedName>
    <definedName name="\印刷設定" localSheetId="0">#REF!</definedName>
    <definedName name="\印刷設定" localSheetId="2">#REF!</definedName>
    <definedName name="\印刷設定">#REF!</definedName>
    <definedName name="\印刷設定一" localSheetId="4">#REF!</definedName>
    <definedName name="\印刷設定一" localSheetId="5">#REF!</definedName>
    <definedName name="\印刷設定一" localSheetId="6">#REF!</definedName>
    <definedName name="\印刷設定一" localSheetId="7">#REF!</definedName>
    <definedName name="\印刷設定一" localSheetId="8">#REF!</definedName>
    <definedName name="\印刷設定一" localSheetId="0">#REF!</definedName>
    <definedName name="\印刷設定一" localSheetId="2">#REF!</definedName>
    <definedName name="\印刷設定一">#REF!</definedName>
    <definedName name="A" localSheetId="4">#REF!</definedName>
    <definedName name="A" localSheetId="5">#REF!</definedName>
    <definedName name="A" localSheetId="6">#REF!</definedName>
    <definedName name="A" localSheetId="7">#REF!</definedName>
    <definedName name="A" localSheetId="8">#REF!</definedName>
    <definedName name="A" localSheetId="0">#REF!</definedName>
    <definedName name="A" localSheetId="2">#REF!</definedName>
    <definedName name="A">#REF!</definedName>
    <definedName name="A_1">'[17]Ａ代価 '!$A$1:$K$65</definedName>
    <definedName name="Ａ_４" localSheetId="4">#REF!</definedName>
    <definedName name="Ａ_４" localSheetId="5">#REF!</definedName>
    <definedName name="Ａ_４" localSheetId="6">#REF!</definedName>
    <definedName name="Ａ_４" localSheetId="7">#REF!</definedName>
    <definedName name="Ａ_４" localSheetId="8">#REF!</definedName>
    <definedName name="Ａ_４" localSheetId="9">#REF!</definedName>
    <definedName name="Ａ_４" localSheetId="2">#REF!</definedName>
    <definedName name="Ａ_４">#REF!</definedName>
    <definedName name="Ａ_５" localSheetId="4">#REF!</definedName>
    <definedName name="Ａ_５" localSheetId="5">#REF!</definedName>
    <definedName name="Ａ_５" localSheetId="6">#REF!</definedName>
    <definedName name="Ａ_５" localSheetId="7">#REF!</definedName>
    <definedName name="Ａ_５" localSheetId="8">#REF!</definedName>
    <definedName name="Ａ_５" localSheetId="2">#REF!</definedName>
    <definedName name="Ａ_５">#REF!</definedName>
    <definedName name="A_アセチレン" localSheetId="4">#REF!</definedName>
    <definedName name="A_アセチレン" localSheetId="5">#REF!</definedName>
    <definedName name="A_アセチレン" localSheetId="6">#REF!</definedName>
    <definedName name="A_アセチレン" localSheetId="7">#REF!</definedName>
    <definedName name="A_アセチレン" localSheetId="8">#REF!</definedName>
    <definedName name="A_アセチレン" localSheetId="2">#REF!</definedName>
    <definedName name="A_アセチレン">#REF!</definedName>
    <definedName name="A_ガソリン" localSheetId="4">#REF!</definedName>
    <definedName name="A_ガソリン" localSheetId="5">#REF!</definedName>
    <definedName name="A_ガソリン" localSheetId="6">#REF!</definedName>
    <definedName name="A_ガソリン" localSheetId="7">#REF!</definedName>
    <definedName name="A_ガソリン" localSheetId="8">#REF!</definedName>
    <definedName name="A_ガソリン" localSheetId="2">#REF!</definedName>
    <definedName name="A_ガソリン">#REF!</definedName>
    <definedName name="A_プロパンガス" localSheetId="4">#REF!</definedName>
    <definedName name="A_プロパンガス" localSheetId="5">#REF!</definedName>
    <definedName name="A_プロパンガス" localSheetId="6">#REF!</definedName>
    <definedName name="A_プロパンガス" localSheetId="7">#REF!</definedName>
    <definedName name="A_プロパンガス" localSheetId="8">#REF!</definedName>
    <definedName name="A_プロパンガス" localSheetId="2">#REF!</definedName>
    <definedName name="A_プロパンガス">#REF!</definedName>
    <definedName name="A_軽油" localSheetId="4">#REF!</definedName>
    <definedName name="A_軽油" localSheetId="5">#REF!</definedName>
    <definedName name="A_軽油" localSheetId="6">#REF!</definedName>
    <definedName name="A_軽油" localSheetId="7">#REF!</definedName>
    <definedName name="A_軽油" localSheetId="8">#REF!</definedName>
    <definedName name="A_軽油" localSheetId="2">#REF!</definedName>
    <definedName name="A_軽油">#REF!</definedName>
    <definedName name="A_酸素" localSheetId="4">#REF!</definedName>
    <definedName name="A_酸素" localSheetId="5">#REF!</definedName>
    <definedName name="A_酸素" localSheetId="6">#REF!</definedName>
    <definedName name="A_酸素" localSheetId="7">#REF!</definedName>
    <definedName name="A_酸素" localSheetId="8">#REF!</definedName>
    <definedName name="A_酸素" localSheetId="2">#REF!</definedName>
    <definedName name="A_酸素">#REF!</definedName>
    <definedName name="A1_" localSheetId="4">[18]複１!#REF!</definedName>
    <definedName name="A1_" localSheetId="5">[18]複１!#REF!</definedName>
    <definedName name="A1_" localSheetId="6">[18]複１!#REF!</definedName>
    <definedName name="A1_" localSheetId="7">[18]複１!#REF!</definedName>
    <definedName name="A1_" localSheetId="8">[18]複１!#REF!</definedName>
    <definedName name="A1_" localSheetId="2">[18]複１!#REF!</definedName>
    <definedName name="A1_">[18]複１!#REF!</definedName>
    <definedName name="AA" localSheetId="4">#REF!</definedName>
    <definedName name="AA" localSheetId="5">#REF!</definedName>
    <definedName name="AA" localSheetId="6">#REF!</definedName>
    <definedName name="AA" localSheetId="7">#REF!</definedName>
    <definedName name="AA" localSheetId="8">#REF!</definedName>
    <definedName name="aa" localSheetId="9">[19]経費計算!#REF!</definedName>
    <definedName name="AA" localSheetId="2">#REF!</definedName>
    <definedName name="AA">#REF!</definedName>
    <definedName name="AAA" localSheetId="4">#REF!</definedName>
    <definedName name="AAA" localSheetId="5">#REF!</definedName>
    <definedName name="AAA" localSheetId="6">#REF!</definedName>
    <definedName name="AAA" localSheetId="7">#REF!</definedName>
    <definedName name="AAA" localSheetId="8">#REF!</definedName>
    <definedName name="AAA" localSheetId="9">#REF!</definedName>
    <definedName name="AAA" localSheetId="2">#REF!</definedName>
    <definedName name="AAA">#REF!</definedName>
    <definedName name="AAAA" localSheetId="9">施工条件明示一覧表!AAAA</definedName>
    <definedName name="AAAA" localSheetId="0">設計書表紙!AAAA</definedName>
    <definedName name="AAAA">[0]!AAAA</definedName>
    <definedName name="aaaaa" localSheetId="4">[20]!Dialog3_ボタン2_Click</definedName>
    <definedName name="aaaaa" localSheetId="5">[20]!Dialog3_ボタン2_Click</definedName>
    <definedName name="aaaaa" localSheetId="6">[20]!Dialog3_ボタン2_Click</definedName>
    <definedName name="aaaaa" localSheetId="7">[20]!Dialog3_ボタン2_Click</definedName>
    <definedName name="aaaaa" localSheetId="8">[20]!Dialog3_ボタン2_Click</definedName>
    <definedName name="aaaaa" localSheetId="2">[20]!Dialog3_ボタン2_Click</definedName>
    <definedName name="aaaaa">[20]!Dialog3_ボタン2_Click</definedName>
    <definedName name="AAAAAAAAAAA" localSheetId="4">[21]!Dialog3_ボタン2_Click</definedName>
    <definedName name="AAAAAAAAAAA" localSheetId="5">[21]!Dialog3_ボタン2_Click</definedName>
    <definedName name="AAAAAAAAAAA" localSheetId="6">[21]!Dialog3_ボタン2_Click</definedName>
    <definedName name="AAAAAAAAAAA" localSheetId="7">[21]!Dialog3_ボタン2_Click</definedName>
    <definedName name="AAAAAAAAAAA" localSheetId="8">[21]!Dialog3_ボタン2_Click</definedName>
    <definedName name="AAAAAAAAAAA" localSheetId="2">[21]!Dialog3_ボタン2_Click</definedName>
    <definedName name="AAAAAAAAAAA">[21]!Dialog3_ボタン2_Click</definedName>
    <definedName name="AB">0.2</definedName>
    <definedName name="abc" localSheetId="4">#REF!</definedName>
    <definedName name="abc" localSheetId="5">#REF!</definedName>
    <definedName name="abc" localSheetId="6">#REF!</definedName>
    <definedName name="abc" localSheetId="7">#REF!</definedName>
    <definedName name="abc" localSheetId="8">#REF!</definedName>
    <definedName name="abc" localSheetId="9">#REF!</definedName>
    <definedName name="abc" localSheetId="2">#REF!</definedName>
    <definedName name="abc">#REF!</definedName>
    <definedName name="ABC番号">'[22]入力データ(H27用シート連動）'!$G$2:$G$15</definedName>
    <definedName name="AC" localSheetId="4">#REF!</definedName>
    <definedName name="AC" localSheetId="5">#REF!</definedName>
    <definedName name="AC" localSheetId="6">#REF!</definedName>
    <definedName name="AC" localSheetId="7">#REF!</definedName>
    <definedName name="AC" localSheetId="8">#REF!</definedName>
    <definedName name="AC" localSheetId="2">#REF!</definedName>
    <definedName name="AC">#REF!</definedName>
    <definedName name="AccessDatabase" hidden="1">"C:\My Documents\キンニャモニャセンター計算集計1.mdb"</definedName>
    <definedName name="AD" localSheetId="4">#REF!</definedName>
    <definedName name="AD" localSheetId="5">#REF!</definedName>
    <definedName name="AD" localSheetId="6">#REF!</definedName>
    <definedName name="AD" localSheetId="7">#REF!</definedName>
    <definedName name="AD" localSheetId="8">#REF!</definedName>
    <definedName name="AD" localSheetId="9">#REF!</definedName>
    <definedName name="AD" localSheetId="2">#REF!</definedName>
    <definedName name="AD">#REF!</definedName>
    <definedName name="AE" localSheetId="4">#REF!</definedName>
    <definedName name="AE" localSheetId="5">#REF!</definedName>
    <definedName name="AE" localSheetId="6">#REF!</definedName>
    <definedName name="AE" localSheetId="7">#REF!</definedName>
    <definedName name="AE" localSheetId="8">#REF!</definedName>
    <definedName name="AE" localSheetId="2">#REF!</definedName>
    <definedName name="AE">#REF!</definedName>
    <definedName name="AF" localSheetId="4">#REF!</definedName>
    <definedName name="AF" localSheetId="5">#REF!</definedName>
    <definedName name="AF" localSheetId="6">#REF!</definedName>
    <definedName name="AF" localSheetId="7">#REF!</definedName>
    <definedName name="AF" localSheetId="8">#REF!</definedName>
    <definedName name="AF" localSheetId="2">#REF!</definedName>
    <definedName name="AF">#REF!</definedName>
    <definedName name="AG" localSheetId="4">#REF!</definedName>
    <definedName name="AG" localSheetId="5">#REF!</definedName>
    <definedName name="AG" localSheetId="6">#REF!</definedName>
    <definedName name="AG" localSheetId="7">#REF!</definedName>
    <definedName name="AG" localSheetId="8">#REF!</definedName>
    <definedName name="AG" localSheetId="2">#REF!</definedName>
    <definedName name="AG">#REF!</definedName>
    <definedName name="AH" localSheetId="4">#REF!</definedName>
    <definedName name="AH" localSheetId="5">#REF!</definedName>
    <definedName name="AH" localSheetId="6">#REF!</definedName>
    <definedName name="AH" localSheetId="7">#REF!</definedName>
    <definedName name="AH" localSheetId="8">#REF!</definedName>
    <definedName name="AH" localSheetId="2">#REF!</definedName>
    <definedName name="AH">#REF!</definedName>
    <definedName name="AI" localSheetId="4">#REF!</definedName>
    <definedName name="AI" localSheetId="5">#REF!</definedName>
    <definedName name="AI" localSheetId="6">#REF!</definedName>
    <definedName name="AI" localSheetId="7">#REF!</definedName>
    <definedName name="AI" localSheetId="8">#REF!</definedName>
    <definedName name="AI" localSheetId="2">#REF!</definedName>
    <definedName name="AI">#REF!</definedName>
    <definedName name="AIM" localSheetId="4">#REF!</definedName>
    <definedName name="AIM" localSheetId="5">#REF!</definedName>
    <definedName name="AIM" localSheetId="6">#REF!</definedName>
    <definedName name="AIM" localSheetId="7">#REF!</definedName>
    <definedName name="AIM" localSheetId="8">#REF!</definedName>
    <definedName name="AIM" localSheetId="2">#REF!</definedName>
    <definedName name="AIM">#REF!</definedName>
    <definedName name="AJ" localSheetId="4">#REF!</definedName>
    <definedName name="AJ" localSheetId="5">#REF!</definedName>
    <definedName name="AJ" localSheetId="6">#REF!</definedName>
    <definedName name="AJ" localSheetId="7">#REF!</definedName>
    <definedName name="AJ" localSheetId="8">#REF!</definedName>
    <definedName name="AJ" localSheetId="2">#REF!</definedName>
    <definedName name="AJ">#REF!</definedName>
    <definedName name="AN" localSheetId="4">#REF!</definedName>
    <definedName name="AN" localSheetId="5">#REF!</definedName>
    <definedName name="AN" localSheetId="6">#REF!</definedName>
    <definedName name="AN" localSheetId="7">#REF!</definedName>
    <definedName name="AN" localSheetId="8">#REF!</definedName>
    <definedName name="AN" localSheetId="2">#REF!</definedName>
    <definedName name="AN">#REF!</definedName>
    <definedName name="Anzen" localSheetId="4">[23]!Anzen</definedName>
    <definedName name="Anzen" localSheetId="5">[23]!Anzen</definedName>
    <definedName name="Anzen" localSheetId="6">[23]!Anzen</definedName>
    <definedName name="Anzen" localSheetId="7">[23]!Anzen</definedName>
    <definedName name="Anzen" localSheetId="8">[23]!Anzen</definedName>
    <definedName name="Anzen" localSheetId="9">[24]!Anzen</definedName>
    <definedName name="Anzen" localSheetId="2">[23]!Anzen</definedName>
    <definedName name="Anzen">[23]!Anzen</definedName>
    <definedName name="AnzenHyouji" localSheetId="4">[23]!AnzenHyouji</definedName>
    <definedName name="AnzenHyouji" localSheetId="5">[23]!AnzenHyouji</definedName>
    <definedName name="AnzenHyouji" localSheetId="6">[23]!AnzenHyouji</definedName>
    <definedName name="AnzenHyouji" localSheetId="7">[23]!AnzenHyouji</definedName>
    <definedName name="AnzenHyouji" localSheetId="8">[23]!AnzenHyouji</definedName>
    <definedName name="AnzenHyouji" localSheetId="9">[24]!AnzenHyouji</definedName>
    <definedName name="AnzenHyouji" localSheetId="2">[23]!AnzenHyouji</definedName>
    <definedName name="AnzenHyouji">[23]!AnzenHyouji</definedName>
    <definedName name="aqw" localSheetId="9">施工条件明示一覧表!aqw</definedName>
    <definedName name="aqw" localSheetId="0">設計書表紙!aqw</definedName>
    <definedName name="aqw">[0]!aqw</definedName>
    <definedName name="AS" localSheetId="4">#REF!</definedName>
    <definedName name="AS" localSheetId="5">#REF!</definedName>
    <definedName name="AS" localSheetId="6">#REF!</definedName>
    <definedName name="AS" localSheetId="7">#REF!</definedName>
    <definedName name="AS" localSheetId="8">#REF!</definedName>
    <definedName name="AS" localSheetId="9">#REF!</definedName>
    <definedName name="AS" localSheetId="2">#REF!</definedName>
    <definedName name="AS">#REF!</definedName>
    <definedName name="ASDVIUI" localSheetId="4">#REF!</definedName>
    <definedName name="ASDVIUI" localSheetId="5">#REF!</definedName>
    <definedName name="ASDVIUI" localSheetId="6">#REF!</definedName>
    <definedName name="ASDVIUI" localSheetId="7">#REF!</definedName>
    <definedName name="ASDVIUI" localSheetId="8">#REF!</definedName>
    <definedName name="ASDVIUI" localSheetId="2">#REF!</definedName>
    <definedName name="ASDVIUI">#REF!</definedName>
    <definedName name="AUTOEXEC" localSheetId="4">#REF!</definedName>
    <definedName name="AUTOEXEC" localSheetId="5">#REF!</definedName>
    <definedName name="AUTOEXEC" localSheetId="6">#REF!</definedName>
    <definedName name="AUTOEXEC" localSheetId="7">#REF!</definedName>
    <definedName name="AUTOEXEC" localSheetId="8">#REF!</definedName>
    <definedName name="AUTOEXEC" localSheetId="2">#REF!</definedName>
    <definedName name="AUTOEXEC">#REF!</definedName>
    <definedName name="awe" localSheetId="9">施工条件明示一覧表!awe</definedName>
    <definedName name="awe" localSheetId="0">設計書表紙!awe</definedName>
    <definedName name="awe">[0]!awe</definedName>
    <definedName name="B" localSheetId="4">#REF!</definedName>
    <definedName name="B" localSheetId="5">#REF!</definedName>
    <definedName name="B" localSheetId="6">#REF!</definedName>
    <definedName name="B" localSheetId="7">#REF!</definedName>
    <definedName name="B" localSheetId="8">#REF!</definedName>
    <definedName name="B" localSheetId="9">#REF!</definedName>
    <definedName name="B" localSheetId="2">#REF!</definedName>
    <definedName name="B">#REF!</definedName>
    <definedName name="Ｂ_14" localSheetId="4">'[25]Ｂ代価 '!#REF!</definedName>
    <definedName name="Ｂ_14" localSheetId="5">'[25]Ｂ代価 '!#REF!</definedName>
    <definedName name="Ｂ_14" localSheetId="6">'[25]Ｂ代価 '!#REF!</definedName>
    <definedName name="Ｂ_14" localSheetId="7">'[25]Ｂ代価 '!#REF!</definedName>
    <definedName name="Ｂ_14" localSheetId="8">'[25]Ｂ代価 '!#REF!</definedName>
    <definedName name="Ｂ_14" localSheetId="9">'[25]Ｂ代価 '!#REF!</definedName>
    <definedName name="Ｂ_14" localSheetId="2">'[25]Ｂ代価 '!#REF!</definedName>
    <definedName name="Ｂ_14">'[25]Ｂ代価 '!#REF!</definedName>
    <definedName name="B4OUT" localSheetId="4">#REF!</definedName>
    <definedName name="B4OUT" localSheetId="5">#REF!</definedName>
    <definedName name="B4OUT" localSheetId="6">#REF!</definedName>
    <definedName name="B4OUT" localSheetId="7">#REF!</definedName>
    <definedName name="B4OUT" localSheetId="8">#REF!</definedName>
    <definedName name="B4OUT" localSheetId="9">#REF!</definedName>
    <definedName name="B4OUT" localSheetId="2">#REF!</definedName>
    <definedName name="B4OUT">#REF!</definedName>
    <definedName name="B5OUT" localSheetId="4">#REF!</definedName>
    <definedName name="B5OUT" localSheetId="5">#REF!</definedName>
    <definedName name="B5OUT" localSheetId="6">#REF!</definedName>
    <definedName name="B5OUT" localSheetId="7">#REF!</definedName>
    <definedName name="B5OUT" localSheetId="8">#REF!</definedName>
    <definedName name="B5OUT" localSheetId="2">#REF!</definedName>
    <definedName name="B5OUT">#REF!</definedName>
    <definedName name="BANGOU" localSheetId="4">#REF!</definedName>
    <definedName name="BANGOU" localSheetId="5">#REF!</definedName>
    <definedName name="BANGOU" localSheetId="6">#REF!</definedName>
    <definedName name="BANGOU" localSheetId="7">#REF!</definedName>
    <definedName name="BANGOU" localSheetId="8">#REF!</definedName>
    <definedName name="BANGOU" localSheetId="2">#REF!</definedName>
    <definedName name="BANGOU">#REF!</definedName>
    <definedName name="ｂｂ">[26]条件!$C$14</definedName>
    <definedName name="BG" localSheetId="4">#REF!</definedName>
    <definedName name="BG" localSheetId="5">#REF!</definedName>
    <definedName name="BG" localSheetId="6">#REF!</definedName>
    <definedName name="BG" localSheetId="7">#REF!</definedName>
    <definedName name="BG" localSheetId="8">#REF!</definedName>
    <definedName name="BG" localSheetId="9">#REF!</definedName>
    <definedName name="BG" localSheetId="2">#REF!</definedName>
    <definedName name="BG">#REF!</definedName>
    <definedName name="BUGAKE" localSheetId="4">#REF!</definedName>
    <definedName name="BUGAKE" localSheetId="5">#REF!</definedName>
    <definedName name="BUGAKE" localSheetId="6">#REF!</definedName>
    <definedName name="BUGAKE" localSheetId="7">#REF!</definedName>
    <definedName name="BUGAKE" localSheetId="8">#REF!</definedName>
    <definedName name="BUGAKE" localSheetId="2">#REF!</definedName>
    <definedName name="BUGAKE">#REF!</definedName>
    <definedName name="BUN">[4]歩・屋!$E$5:$T$16</definedName>
    <definedName name="Ｂの１" localSheetId="4">#REF!</definedName>
    <definedName name="Ｂの１" localSheetId="5">#REF!</definedName>
    <definedName name="Ｂの１" localSheetId="6">#REF!</definedName>
    <definedName name="Ｂの１" localSheetId="7">#REF!</definedName>
    <definedName name="Ｂの１" localSheetId="8">#REF!</definedName>
    <definedName name="Ｂの１" localSheetId="9">#REF!</definedName>
    <definedName name="Ｂの１" localSheetId="2">#REF!</definedName>
    <definedName name="Ｂの１">#REF!</definedName>
    <definedName name="Ｂの２" localSheetId="4">#REF!</definedName>
    <definedName name="Ｂの２" localSheetId="5">#REF!</definedName>
    <definedName name="Ｂの２" localSheetId="6">#REF!</definedName>
    <definedName name="Ｂの２" localSheetId="7">#REF!</definedName>
    <definedName name="Ｂの２" localSheetId="8">#REF!</definedName>
    <definedName name="Ｂの２" localSheetId="9">#REF!</definedName>
    <definedName name="Ｂの２" localSheetId="2">#REF!</definedName>
    <definedName name="Ｂの２">#REF!</definedName>
    <definedName name="Ｂの３" localSheetId="4">#REF!</definedName>
    <definedName name="Ｂの３" localSheetId="5">#REF!</definedName>
    <definedName name="Ｂの３" localSheetId="6">#REF!</definedName>
    <definedName name="Ｂの３" localSheetId="7">#REF!</definedName>
    <definedName name="Ｂの３" localSheetId="8">#REF!</definedName>
    <definedName name="Ｂの３" localSheetId="9">#REF!</definedName>
    <definedName name="Ｂの３" localSheetId="2">#REF!</definedName>
    <definedName name="Ｂの３">#REF!</definedName>
    <definedName name="Ｂの４" localSheetId="4">#REF!</definedName>
    <definedName name="Ｂの４" localSheetId="5">#REF!</definedName>
    <definedName name="Ｂの４" localSheetId="6">#REF!</definedName>
    <definedName name="Ｂの４" localSheetId="7">#REF!</definedName>
    <definedName name="Ｂの４" localSheetId="8">#REF!</definedName>
    <definedName name="Ｂの４" localSheetId="2">#REF!</definedName>
    <definedName name="Ｂの４">#REF!</definedName>
    <definedName name="Ｂの６" localSheetId="4">#REF!</definedName>
    <definedName name="Ｂの６" localSheetId="5">#REF!</definedName>
    <definedName name="Ｂの６" localSheetId="6">#REF!</definedName>
    <definedName name="Ｂの６" localSheetId="7">#REF!</definedName>
    <definedName name="Ｂの６" localSheetId="8">#REF!</definedName>
    <definedName name="Ｂの６" localSheetId="2">#REF!</definedName>
    <definedName name="Ｂの６">#REF!</definedName>
    <definedName name="B種" localSheetId="4">#REF!</definedName>
    <definedName name="B種" localSheetId="5">#REF!</definedName>
    <definedName name="B種" localSheetId="6">#REF!</definedName>
    <definedName name="B種" localSheetId="7">#REF!</definedName>
    <definedName name="B種" localSheetId="8">#REF!</definedName>
    <definedName name="B種" localSheetId="2">#REF!</definedName>
    <definedName name="B種">#REF!</definedName>
    <definedName name="Ｂ代価" localSheetId="4">#REF!</definedName>
    <definedName name="Ｂ代価" localSheetId="5">#REF!</definedName>
    <definedName name="Ｂ代価" localSheetId="6">#REF!</definedName>
    <definedName name="Ｂ代価" localSheetId="7">#REF!</definedName>
    <definedName name="Ｂ代価" localSheetId="8">#REF!</definedName>
    <definedName name="Ｂ代価" localSheetId="2">#REF!</definedName>
    <definedName name="Ｂ代価">#REF!</definedName>
    <definedName name="C_25" localSheetId="4">'[25]Ｃ代価(1)'!#REF!</definedName>
    <definedName name="C_25" localSheetId="5">'[25]Ｃ代価(1)'!#REF!</definedName>
    <definedName name="C_25" localSheetId="6">'[25]Ｃ代価(1)'!#REF!</definedName>
    <definedName name="C_25" localSheetId="7">'[25]Ｃ代価(1)'!#REF!</definedName>
    <definedName name="C_25" localSheetId="8">'[25]Ｃ代価(1)'!#REF!</definedName>
    <definedName name="C_25" localSheetId="2">'[25]Ｃ代価(1)'!#REF!</definedName>
    <definedName name="C_25">'[25]Ｃ代価(1)'!#REF!</definedName>
    <definedName name="C_26" localSheetId="4">#REF!</definedName>
    <definedName name="C_26" localSheetId="5">#REF!</definedName>
    <definedName name="C_26" localSheetId="6">#REF!</definedName>
    <definedName name="C_26" localSheetId="7">#REF!</definedName>
    <definedName name="C_26" localSheetId="8">#REF!</definedName>
    <definedName name="C_26" localSheetId="9">#REF!</definedName>
    <definedName name="C_26" localSheetId="2">#REF!</definedName>
    <definedName name="C_26">#REF!</definedName>
    <definedName name="C_27" localSheetId="4">'[25]Ｃ代価(1)'!#REF!</definedName>
    <definedName name="C_27" localSheetId="5">'[25]Ｃ代価(1)'!#REF!</definedName>
    <definedName name="C_27" localSheetId="6">'[25]Ｃ代価(1)'!#REF!</definedName>
    <definedName name="C_27" localSheetId="7">'[25]Ｃ代価(1)'!#REF!</definedName>
    <definedName name="C_27" localSheetId="8">'[25]Ｃ代価(1)'!#REF!</definedName>
    <definedName name="C_27" localSheetId="9">'[25]Ｃ代価(1)'!#REF!</definedName>
    <definedName name="C_27" localSheetId="2">'[25]Ｃ代価(1)'!#REF!</definedName>
    <definedName name="C_27">'[25]Ｃ代価(1)'!#REF!</definedName>
    <definedName name="C_28" localSheetId="4">'[25]Ｃ代価(1)'!#REF!</definedName>
    <definedName name="C_28" localSheetId="5">'[25]Ｃ代価(1)'!#REF!</definedName>
    <definedName name="C_28" localSheetId="6">'[25]Ｃ代価(1)'!#REF!</definedName>
    <definedName name="C_28" localSheetId="7">'[25]Ｃ代価(1)'!#REF!</definedName>
    <definedName name="C_28" localSheetId="8">'[25]Ｃ代価(1)'!#REF!</definedName>
    <definedName name="C_28" localSheetId="2">'[25]Ｃ代価(1)'!#REF!</definedName>
    <definedName name="C_28">'[25]Ｃ代価(1)'!#REF!</definedName>
    <definedName name="C_29" localSheetId="4">#REF!</definedName>
    <definedName name="C_29" localSheetId="5">#REF!</definedName>
    <definedName name="C_29" localSheetId="6">#REF!</definedName>
    <definedName name="C_29" localSheetId="7">#REF!</definedName>
    <definedName name="C_29" localSheetId="8">#REF!</definedName>
    <definedName name="C_29" localSheetId="9">#REF!</definedName>
    <definedName name="C_29" localSheetId="2">#REF!</definedName>
    <definedName name="C_29">#REF!</definedName>
    <definedName name="C_30" localSheetId="4">'[25]Ｃ代価(1)'!#REF!</definedName>
    <definedName name="C_30" localSheetId="5">'[25]Ｃ代価(1)'!#REF!</definedName>
    <definedName name="C_30" localSheetId="6">'[25]Ｃ代価(1)'!#REF!</definedName>
    <definedName name="C_30" localSheetId="7">'[25]Ｃ代価(1)'!#REF!</definedName>
    <definedName name="C_30" localSheetId="8">'[25]Ｃ代価(1)'!#REF!</definedName>
    <definedName name="C_30" localSheetId="9">'[25]Ｃ代価(1)'!#REF!</definedName>
    <definedName name="C_30" localSheetId="2">'[25]Ｃ代価(1)'!#REF!</definedName>
    <definedName name="C_30">'[25]Ｃ代価(1)'!#REF!</definedName>
    <definedName name="C_31" localSheetId="4">'[25]Ｃ代価(1)'!#REF!</definedName>
    <definedName name="C_31" localSheetId="5">'[25]Ｃ代価(1)'!#REF!</definedName>
    <definedName name="C_31" localSheetId="6">'[25]Ｃ代価(1)'!#REF!</definedName>
    <definedName name="C_31" localSheetId="7">'[25]Ｃ代価(1)'!#REF!</definedName>
    <definedName name="C_31" localSheetId="8">'[25]Ｃ代価(1)'!#REF!</definedName>
    <definedName name="C_31" localSheetId="2">'[25]Ｃ代価(1)'!#REF!</definedName>
    <definedName name="C_31">'[25]Ｃ代価(1)'!#REF!</definedName>
    <definedName name="Ｃ_32" localSheetId="4">'[25]Ｃ代価(1)'!#REF!</definedName>
    <definedName name="Ｃ_32" localSheetId="5">'[25]Ｃ代価(1)'!#REF!</definedName>
    <definedName name="Ｃ_32" localSheetId="6">'[25]Ｃ代価(1)'!#REF!</definedName>
    <definedName name="Ｃ_32" localSheetId="7">'[25]Ｃ代価(1)'!#REF!</definedName>
    <definedName name="Ｃ_32" localSheetId="8">'[25]Ｃ代価(1)'!#REF!</definedName>
    <definedName name="Ｃ_32" localSheetId="2">'[25]Ｃ代価(1)'!#REF!</definedName>
    <definedName name="Ｃ_32">'[25]Ｃ代価(1)'!#REF!</definedName>
    <definedName name="Ｃ_33" localSheetId="4">'[25]Ｃ代価(1)'!#REF!</definedName>
    <definedName name="Ｃ_33" localSheetId="5">'[25]Ｃ代価(1)'!#REF!</definedName>
    <definedName name="Ｃ_33" localSheetId="6">'[25]Ｃ代価(1)'!#REF!</definedName>
    <definedName name="Ｃ_33" localSheetId="7">'[25]Ｃ代価(1)'!#REF!</definedName>
    <definedName name="Ｃ_33" localSheetId="8">'[25]Ｃ代価(1)'!#REF!</definedName>
    <definedName name="Ｃ_33" localSheetId="2">'[25]Ｃ代価(1)'!#REF!</definedName>
    <definedName name="Ｃ_33">'[25]Ｃ代価(1)'!#REF!</definedName>
    <definedName name="Ｃ_34" localSheetId="4">'[25]Ｃ代価(1)'!#REF!</definedName>
    <definedName name="Ｃ_34" localSheetId="5">'[25]Ｃ代価(1)'!#REF!</definedName>
    <definedName name="Ｃ_34" localSheetId="6">'[25]Ｃ代価(1)'!#REF!</definedName>
    <definedName name="Ｃ_34" localSheetId="7">'[25]Ｃ代価(1)'!#REF!</definedName>
    <definedName name="Ｃ_34" localSheetId="8">'[25]Ｃ代価(1)'!#REF!</definedName>
    <definedName name="Ｃ_34" localSheetId="2">'[25]Ｃ代価(1)'!#REF!</definedName>
    <definedName name="Ｃ_34">'[25]Ｃ代価(1)'!#REF!</definedName>
    <definedName name="Ｃ_35" localSheetId="4">'[25]Ｃ代価(1)'!#REF!</definedName>
    <definedName name="Ｃ_35" localSheetId="5">'[25]Ｃ代価(1)'!#REF!</definedName>
    <definedName name="Ｃ_35" localSheetId="6">'[25]Ｃ代価(1)'!#REF!</definedName>
    <definedName name="Ｃ_35" localSheetId="7">'[25]Ｃ代価(1)'!#REF!</definedName>
    <definedName name="Ｃ_35" localSheetId="8">'[25]Ｃ代価(1)'!#REF!</definedName>
    <definedName name="Ｃ_35" localSheetId="2">'[25]Ｃ代価(1)'!#REF!</definedName>
    <definedName name="Ｃ_35">'[25]Ｃ代価(1)'!#REF!</definedName>
    <definedName name="Ｃ_36" localSheetId="4">'[25]Ｃ代価(1)'!#REF!</definedName>
    <definedName name="Ｃ_36" localSheetId="5">'[25]Ｃ代価(1)'!#REF!</definedName>
    <definedName name="Ｃ_36" localSheetId="6">'[25]Ｃ代価(1)'!#REF!</definedName>
    <definedName name="Ｃ_36" localSheetId="7">'[25]Ｃ代価(1)'!#REF!</definedName>
    <definedName name="Ｃ_36" localSheetId="8">'[25]Ｃ代価(1)'!#REF!</definedName>
    <definedName name="Ｃ_36" localSheetId="2">'[25]Ｃ代価(1)'!#REF!</definedName>
    <definedName name="Ｃ_36">'[25]Ｃ代価(1)'!#REF!</definedName>
    <definedName name="C0" localSheetId="4">#REF!</definedName>
    <definedName name="C0" localSheetId="5">#REF!</definedName>
    <definedName name="C0" localSheetId="6">#REF!</definedName>
    <definedName name="C0" localSheetId="7">#REF!</definedName>
    <definedName name="C0" localSheetId="8">#REF!</definedName>
    <definedName name="C0" localSheetId="9">#REF!</definedName>
    <definedName name="C0" localSheetId="2">#REF!</definedName>
    <definedName name="C0">#REF!</definedName>
    <definedName name="CC" localSheetId="4">#REF!</definedName>
    <definedName name="CC" localSheetId="5">#REF!</definedName>
    <definedName name="CC" localSheetId="6">#REF!</definedName>
    <definedName name="CC" localSheetId="7">#REF!</definedName>
    <definedName name="CC" localSheetId="8">#REF!</definedName>
    <definedName name="CC" localSheetId="2">#REF!</definedName>
    <definedName name="CC">#REF!</definedName>
    <definedName name="ｃｃｃｃｃｃ" localSheetId="4">[20]!ピクチャ5_Click</definedName>
    <definedName name="ｃｃｃｃｃｃ" localSheetId="5">[20]!ピクチャ5_Click</definedName>
    <definedName name="ｃｃｃｃｃｃ" localSheetId="6">[20]!ピクチャ5_Click</definedName>
    <definedName name="ｃｃｃｃｃｃ" localSheetId="7">[20]!ピクチャ5_Click</definedName>
    <definedName name="ｃｃｃｃｃｃ" localSheetId="8">[20]!ピクチャ5_Click</definedName>
    <definedName name="ｃｃｃｃｃｃ" localSheetId="2">[20]!ピクチャ5_Click</definedName>
    <definedName name="ｃｃｃｃｃｃ">[20]!ピクチャ5_Click</definedName>
    <definedName name="ｃｄ">'[27]３ページ'!$S$66</definedName>
    <definedName name="COUNTER" localSheetId="4">[28]表紙!#REF!</definedName>
    <definedName name="COUNTER" localSheetId="5">[28]表紙!#REF!</definedName>
    <definedName name="COUNTER" localSheetId="6">[28]表紙!#REF!</definedName>
    <definedName name="COUNTER" localSheetId="7">[28]表紙!#REF!</definedName>
    <definedName name="COUNTER" localSheetId="8">[28]表紙!#REF!</definedName>
    <definedName name="COUNTER" localSheetId="9">[28]表紙!#REF!</definedName>
    <definedName name="COUNTER" localSheetId="2">[28]表紙!#REF!</definedName>
    <definedName name="COUNTER">[28]表紙!#REF!</definedName>
    <definedName name="_xlnm.Criteria" localSheetId="4">#REF!</definedName>
    <definedName name="_xlnm.Criteria" localSheetId="5">#REF!</definedName>
    <definedName name="_xlnm.Criteria" localSheetId="6">#REF!</definedName>
    <definedName name="_xlnm.Criteria" localSheetId="7">#REF!</definedName>
    <definedName name="_xlnm.Criteria" localSheetId="8">#REF!</definedName>
    <definedName name="_xlnm.Criteria" localSheetId="2">#REF!</definedName>
    <definedName name="_xlnm.Criteria">#REF!</definedName>
    <definedName name="Criteria_MI" localSheetId="4">#REF!</definedName>
    <definedName name="Criteria_MI" localSheetId="5">#REF!</definedName>
    <definedName name="Criteria_MI" localSheetId="6">#REF!</definedName>
    <definedName name="Criteria_MI" localSheetId="7">#REF!</definedName>
    <definedName name="Criteria_MI" localSheetId="8">#REF!</definedName>
    <definedName name="Criteria_MI" localSheetId="2">#REF!</definedName>
    <definedName name="Criteria_MI">#REF!</definedName>
    <definedName name="CV3C2" localSheetId="4">[29]ｹｰﾌﾞﾙ計!#REF!</definedName>
    <definedName name="CV3C2" localSheetId="5">[29]ｹｰﾌﾞﾙ計!#REF!</definedName>
    <definedName name="CV3C2" localSheetId="6">[29]ｹｰﾌﾞﾙ計!#REF!</definedName>
    <definedName name="CV3C2" localSheetId="7">[29]ｹｰﾌﾞﾙ計!#REF!</definedName>
    <definedName name="CV3C2" localSheetId="8">[29]ｹｰﾌﾞﾙ計!#REF!</definedName>
    <definedName name="CV3C2" localSheetId="9">[30]ｹｰﾌﾞﾙ計!#REF!</definedName>
    <definedName name="CV3C2" localSheetId="2">[29]ｹｰﾌﾞﾙ計!#REF!</definedName>
    <definedName name="CV3C2">[29]ｹｰﾌﾞﾙ計!#REF!</definedName>
    <definedName name="cv3c2_" localSheetId="4">[31]ｹｰﾌﾞﾙ労務!#REF!</definedName>
    <definedName name="cv3c2_" localSheetId="5">[31]ｹｰﾌﾞﾙ労務!#REF!</definedName>
    <definedName name="cv3c2_" localSheetId="6">[31]ｹｰﾌﾞﾙ労務!#REF!</definedName>
    <definedName name="cv3c2_" localSheetId="7">[31]ｹｰﾌﾞﾙ労務!#REF!</definedName>
    <definedName name="cv3c2_" localSheetId="8">[31]ｹｰﾌﾞﾙ労務!#REF!</definedName>
    <definedName name="cv3c2_" localSheetId="9">[32]ｹｰﾌﾞﾙ労務!#REF!</definedName>
    <definedName name="cv3c2_" localSheetId="2">[31]ｹｰﾌﾞﾙ労務!#REF!</definedName>
    <definedName name="cv3c2_">[31]ｹｰﾌﾞﾙ労務!#REF!</definedName>
    <definedName name="CVVS2C2" localSheetId="4">[29]ｹｰﾌﾞﾙ計!#REF!</definedName>
    <definedName name="CVVS2C2" localSheetId="5">[29]ｹｰﾌﾞﾙ計!#REF!</definedName>
    <definedName name="CVVS2C2" localSheetId="6">[29]ｹｰﾌﾞﾙ計!#REF!</definedName>
    <definedName name="CVVS2C2" localSheetId="7">[29]ｹｰﾌﾞﾙ計!#REF!</definedName>
    <definedName name="CVVS2C2" localSheetId="8">[29]ｹｰﾌﾞﾙ計!#REF!</definedName>
    <definedName name="CVVS2C2" localSheetId="9">[30]ｹｰﾌﾞﾙ計!#REF!</definedName>
    <definedName name="CVVS2C2" localSheetId="2">[29]ｹｰﾌﾞﾙ計!#REF!</definedName>
    <definedName name="CVVS2C2">[29]ｹｰﾌﾞﾙ計!#REF!</definedName>
    <definedName name="ｃｚ" localSheetId="4">#REF!</definedName>
    <definedName name="ｃｚ" localSheetId="5">#REF!</definedName>
    <definedName name="ｃｚ" localSheetId="6">#REF!</definedName>
    <definedName name="ｃｚ" localSheetId="7">#REF!</definedName>
    <definedName name="ｃｚ" localSheetId="8">#REF!</definedName>
    <definedName name="ｃｚ" localSheetId="9">#REF!</definedName>
    <definedName name="ｃｚ" localSheetId="2">#REF!</definedName>
    <definedName name="ｃｚ">#REF!</definedName>
    <definedName name="Ｃの１" localSheetId="4">#REF!</definedName>
    <definedName name="Ｃの１" localSheetId="5">#REF!</definedName>
    <definedName name="Ｃの１" localSheetId="6">#REF!</definedName>
    <definedName name="Ｃの１" localSheetId="7">#REF!</definedName>
    <definedName name="Ｃの１" localSheetId="8">#REF!</definedName>
    <definedName name="Ｃの１" localSheetId="9">#REF!</definedName>
    <definedName name="Ｃの１" localSheetId="2">#REF!</definedName>
    <definedName name="Ｃの１">#REF!</definedName>
    <definedName name="Ｃの１０" localSheetId="4">#REF!</definedName>
    <definedName name="Ｃの１０" localSheetId="5">#REF!</definedName>
    <definedName name="Ｃの１０" localSheetId="6">#REF!</definedName>
    <definedName name="Ｃの１０" localSheetId="7">#REF!</definedName>
    <definedName name="Ｃの１０" localSheetId="8">#REF!</definedName>
    <definedName name="Ｃの１０" localSheetId="2">#REF!</definedName>
    <definedName name="Ｃの１０">#REF!</definedName>
    <definedName name="Ｃの１１" localSheetId="4">#REF!</definedName>
    <definedName name="Ｃの１１" localSheetId="5">#REF!</definedName>
    <definedName name="Ｃの１１" localSheetId="6">#REF!</definedName>
    <definedName name="Ｃの１１" localSheetId="7">#REF!</definedName>
    <definedName name="Ｃの１１" localSheetId="8">#REF!</definedName>
    <definedName name="Ｃの１１" localSheetId="2">#REF!</definedName>
    <definedName name="Ｃの１１">#REF!</definedName>
    <definedName name="Ｃの１２" localSheetId="4">#REF!</definedName>
    <definedName name="Ｃの１２" localSheetId="5">#REF!</definedName>
    <definedName name="Ｃの１２" localSheetId="6">#REF!</definedName>
    <definedName name="Ｃの１２" localSheetId="7">#REF!</definedName>
    <definedName name="Ｃの１２" localSheetId="8">#REF!</definedName>
    <definedName name="Ｃの１２" localSheetId="2">#REF!</definedName>
    <definedName name="Ｃの１２">#REF!</definedName>
    <definedName name="Ｃの１３" localSheetId="4">#REF!</definedName>
    <definedName name="Ｃの１３" localSheetId="5">#REF!</definedName>
    <definedName name="Ｃの１３" localSheetId="6">#REF!</definedName>
    <definedName name="Ｃの１３" localSheetId="7">#REF!</definedName>
    <definedName name="Ｃの１３" localSheetId="8">#REF!</definedName>
    <definedName name="Ｃの１３" localSheetId="2">#REF!</definedName>
    <definedName name="Ｃの１３">#REF!</definedName>
    <definedName name="Ｃの１４" localSheetId="4">#REF!</definedName>
    <definedName name="Ｃの１４" localSheetId="5">#REF!</definedName>
    <definedName name="Ｃの１４" localSheetId="6">#REF!</definedName>
    <definedName name="Ｃの１４" localSheetId="7">#REF!</definedName>
    <definedName name="Ｃの１４" localSheetId="8">#REF!</definedName>
    <definedName name="Ｃの１４" localSheetId="2">#REF!</definedName>
    <definedName name="Ｃの１４">#REF!</definedName>
    <definedName name="Ｃの１５" localSheetId="4">#REF!</definedName>
    <definedName name="Ｃの１５" localSheetId="5">#REF!</definedName>
    <definedName name="Ｃの１５" localSheetId="6">#REF!</definedName>
    <definedName name="Ｃの１５" localSheetId="7">#REF!</definedName>
    <definedName name="Ｃの１５" localSheetId="8">#REF!</definedName>
    <definedName name="Ｃの１５" localSheetId="2">#REF!</definedName>
    <definedName name="Ｃの１５">#REF!</definedName>
    <definedName name="Ｃの１６" localSheetId="4">#REF!</definedName>
    <definedName name="Ｃの１６" localSheetId="5">#REF!</definedName>
    <definedName name="Ｃの１６" localSheetId="6">#REF!</definedName>
    <definedName name="Ｃの１６" localSheetId="7">#REF!</definedName>
    <definedName name="Ｃの１６" localSheetId="8">#REF!</definedName>
    <definedName name="Ｃの１６" localSheetId="2">#REF!</definedName>
    <definedName name="Ｃの１６">#REF!</definedName>
    <definedName name="Ｃの１７" localSheetId="4">#REF!</definedName>
    <definedName name="Ｃの１７" localSheetId="5">#REF!</definedName>
    <definedName name="Ｃの１７" localSheetId="6">#REF!</definedName>
    <definedName name="Ｃの１７" localSheetId="7">#REF!</definedName>
    <definedName name="Ｃの１７" localSheetId="8">#REF!</definedName>
    <definedName name="Ｃの１７" localSheetId="2">#REF!</definedName>
    <definedName name="Ｃの１７">#REF!</definedName>
    <definedName name="Ｃの１８" localSheetId="4">#REF!</definedName>
    <definedName name="Ｃの１８" localSheetId="5">#REF!</definedName>
    <definedName name="Ｃの１８" localSheetId="6">#REF!</definedName>
    <definedName name="Ｃの１８" localSheetId="7">#REF!</definedName>
    <definedName name="Ｃの１８" localSheetId="8">#REF!</definedName>
    <definedName name="Ｃの１８" localSheetId="2">#REF!</definedName>
    <definedName name="Ｃの１８">#REF!</definedName>
    <definedName name="Ｃの１９" localSheetId="4">#REF!</definedName>
    <definedName name="Ｃの１９" localSheetId="5">#REF!</definedName>
    <definedName name="Ｃの１９" localSheetId="6">#REF!</definedName>
    <definedName name="Ｃの１９" localSheetId="7">#REF!</definedName>
    <definedName name="Ｃの１９" localSheetId="8">#REF!</definedName>
    <definedName name="Ｃの１９" localSheetId="2">#REF!</definedName>
    <definedName name="Ｃの１９">#REF!</definedName>
    <definedName name="Ｃの２" localSheetId="4">#REF!</definedName>
    <definedName name="Ｃの２" localSheetId="5">#REF!</definedName>
    <definedName name="Ｃの２" localSheetId="6">#REF!</definedName>
    <definedName name="Ｃの２" localSheetId="7">#REF!</definedName>
    <definedName name="Ｃの２" localSheetId="8">#REF!</definedName>
    <definedName name="Ｃの２" localSheetId="2">#REF!</definedName>
    <definedName name="Ｃの２">#REF!</definedName>
    <definedName name="Ｃの２０" localSheetId="4">#REF!</definedName>
    <definedName name="Ｃの２０" localSheetId="5">#REF!</definedName>
    <definedName name="Ｃの２０" localSheetId="6">#REF!</definedName>
    <definedName name="Ｃの２０" localSheetId="7">#REF!</definedName>
    <definedName name="Ｃの２０" localSheetId="8">#REF!</definedName>
    <definedName name="Ｃの２０" localSheetId="2">#REF!</definedName>
    <definedName name="Ｃの２０">#REF!</definedName>
    <definedName name="Ｃの２１" localSheetId="4">#REF!</definedName>
    <definedName name="Ｃの２１" localSheetId="5">#REF!</definedName>
    <definedName name="Ｃの２１" localSheetId="6">#REF!</definedName>
    <definedName name="Ｃの２１" localSheetId="7">#REF!</definedName>
    <definedName name="Ｃの２１" localSheetId="8">#REF!</definedName>
    <definedName name="Ｃの２１" localSheetId="2">#REF!</definedName>
    <definedName name="Ｃの２１">#REF!</definedName>
    <definedName name="Ｃの２２" localSheetId="4">#REF!</definedName>
    <definedName name="Ｃの２２" localSheetId="5">#REF!</definedName>
    <definedName name="Ｃの２２" localSheetId="6">#REF!</definedName>
    <definedName name="Ｃの２２" localSheetId="7">#REF!</definedName>
    <definedName name="Ｃの２２" localSheetId="8">#REF!</definedName>
    <definedName name="Ｃの２２" localSheetId="2">#REF!</definedName>
    <definedName name="Ｃの２２">#REF!</definedName>
    <definedName name="Ｃの２３" localSheetId="4">#REF!</definedName>
    <definedName name="Ｃの２３" localSheetId="5">#REF!</definedName>
    <definedName name="Ｃの２３" localSheetId="6">#REF!</definedName>
    <definedName name="Ｃの２３" localSheetId="7">#REF!</definedName>
    <definedName name="Ｃの２３" localSheetId="8">#REF!</definedName>
    <definedName name="Ｃの２３" localSheetId="2">#REF!</definedName>
    <definedName name="Ｃの２３">#REF!</definedName>
    <definedName name="Ｃの２４" localSheetId="4">#REF!</definedName>
    <definedName name="Ｃの２４" localSheetId="5">#REF!</definedName>
    <definedName name="Ｃの２４" localSheetId="6">#REF!</definedName>
    <definedName name="Ｃの２４" localSheetId="7">#REF!</definedName>
    <definedName name="Ｃの２４" localSheetId="8">#REF!</definedName>
    <definedName name="Ｃの２４" localSheetId="2">#REF!</definedName>
    <definedName name="Ｃの２４">#REF!</definedName>
    <definedName name="Ｃの２５" localSheetId="4">#REF!</definedName>
    <definedName name="Ｃの２５" localSheetId="5">#REF!</definedName>
    <definedName name="Ｃの２５" localSheetId="6">#REF!</definedName>
    <definedName name="Ｃの２５" localSheetId="7">#REF!</definedName>
    <definedName name="Ｃの２５" localSheetId="8">#REF!</definedName>
    <definedName name="Ｃの２５" localSheetId="2">#REF!</definedName>
    <definedName name="Ｃの２５">#REF!</definedName>
    <definedName name="Ｃの２６" localSheetId="4">#REF!</definedName>
    <definedName name="Ｃの２６" localSheetId="5">#REF!</definedName>
    <definedName name="Ｃの２６" localSheetId="6">#REF!</definedName>
    <definedName name="Ｃの２６" localSheetId="7">#REF!</definedName>
    <definedName name="Ｃの２６" localSheetId="8">#REF!</definedName>
    <definedName name="Ｃの２６" localSheetId="2">#REF!</definedName>
    <definedName name="Ｃの２６">#REF!</definedName>
    <definedName name="Ｃの２７" localSheetId="4">#REF!</definedName>
    <definedName name="Ｃの２７" localSheetId="5">#REF!</definedName>
    <definedName name="Ｃの２７" localSheetId="6">#REF!</definedName>
    <definedName name="Ｃの２７" localSheetId="7">#REF!</definedName>
    <definedName name="Ｃの２７" localSheetId="8">#REF!</definedName>
    <definedName name="Ｃの２７" localSheetId="2">#REF!</definedName>
    <definedName name="Ｃの２７">#REF!</definedName>
    <definedName name="Ｃの２８" localSheetId="4">#REF!</definedName>
    <definedName name="Ｃの２８" localSheetId="5">#REF!</definedName>
    <definedName name="Ｃの２８" localSheetId="6">#REF!</definedName>
    <definedName name="Ｃの２８" localSheetId="7">#REF!</definedName>
    <definedName name="Ｃの２８" localSheetId="8">#REF!</definedName>
    <definedName name="Ｃの２８" localSheetId="2">#REF!</definedName>
    <definedName name="Ｃの２８">#REF!</definedName>
    <definedName name="Ｃの２９" localSheetId="4">#REF!</definedName>
    <definedName name="Ｃの２９" localSheetId="5">#REF!</definedName>
    <definedName name="Ｃの２９" localSheetId="6">#REF!</definedName>
    <definedName name="Ｃの２９" localSheetId="7">#REF!</definedName>
    <definedName name="Ｃの２９" localSheetId="8">#REF!</definedName>
    <definedName name="Ｃの２９" localSheetId="2">#REF!</definedName>
    <definedName name="Ｃの２９">#REF!</definedName>
    <definedName name="Ｃの３" localSheetId="4">#REF!</definedName>
    <definedName name="Ｃの３" localSheetId="5">#REF!</definedName>
    <definedName name="Ｃの３" localSheetId="6">#REF!</definedName>
    <definedName name="Ｃの３" localSheetId="7">#REF!</definedName>
    <definedName name="Ｃの３" localSheetId="8">#REF!</definedName>
    <definedName name="Ｃの３" localSheetId="2">#REF!</definedName>
    <definedName name="Ｃの３">#REF!</definedName>
    <definedName name="Ｃの３０" localSheetId="4">#REF!</definedName>
    <definedName name="Ｃの３０" localSheetId="5">#REF!</definedName>
    <definedName name="Ｃの３０" localSheetId="6">#REF!</definedName>
    <definedName name="Ｃの３０" localSheetId="7">#REF!</definedName>
    <definedName name="Ｃの３０" localSheetId="8">#REF!</definedName>
    <definedName name="Ｃの３０" localSheetId="2">#REF!</definedName>
    <definedName name="Ｃの３０">#REF!</definedName>
    <definedName name="Ｃの３１" localSheetId="4">#REF!</definedName>
    <definedName name="Ｃの３１" localSheetId="5">#REF!</definedName>
    <definedName name="Ｃの３１" localSheetId="6">#REF!</definedName>
    <definedName name="Ｃの３１" localSheetId="7">#REF!</definedName>
    <definedName name="Ｃの３１" localSheetId="8">#REF!</definedName>
    <definedName name="Ｃの３１" localSheetId="2">#REF!</definedName>
    <definedName name="Ｃの３１">#REF!</definedName>
    <definedName name="Ｃの３２" localSheetId="4">#REF!</definedName>
    <definedName name="Ｃの３２" localSheetId="5">#REF!</definedName>
    <definedName name="Ｃの３２" localSheetId="6">#REF!</definedName>
    <definedName name="Ｃの３２" localSheetId="7">#REF!</definedName>
    <definedName name="Ｃの３２" localSheetId="8">#REF!</definedName>
    <definedName name="Ｃの３２" localSheetId="2">#REF!</definedName>
    <definedName name="Ｃの３２">#REF!</definedName>
    <definedName name="Ｃの３３" localSheetId="4">#REF!</definedName>
    <definedName name="Ｃの３３" localSheetId="5">#REF!</definedName>
    <definedName name="Ｃの３３" localSheetId="6">#REF!</definedName>
    <definedName name="Ｃの３３" localSheetId="7">#REF!</definedName>
    <definedName name="Ｃの３３" localSheetId="8">#REF!</definedName>
    <definedName name="Ｃの３３" localSheetId="2">#REF!</definedName>
    <definedName name="Ｃの３３">#REF!</definedName>
    <definedName name="Ｃの３４" localSheetId="4">#REF!</definedName>
    <definedName name="Ｃの３４" localSheetId="5">#REF!</definedName>
    <definedName name="Ｃの３４" localSheetId="6">#REF!</definedName>
    <definedName name="Ｃの３４" localSheetId="7">#REF!</definedName>
    <definedName name="Ｃの３４" localSheetId="8">#REF!</definedName>
    <definedName name="Ｃの３４" localSheetId="2">#REF!</definedName>
    <definedName name="Ｃの３４">#REF!</definedName>
    <definedName name="Ｃの３５" localSheetId="4">#REF!</definedName>
    <definedName name="Ｃの３５" localSheetId="5">#REF!</definedName>
    <definedName name="Ｃの３５" localSheetId="6">#REF!</definedName>
    <definedName name="Ｃの３５" localSheetId="7">#REF!</definedName>
    <definedName name="Ｃの３５" localSheetId="8">#REF!</definedName>
    <definedName name="Ｃの３５" localSheetId="2">#REF!</definedName>
    <definedName name="Ｃの３５">#REF!</definedName>
    <definedName name="Ｃの３６" localSheetId="4">#REF!</definedName>
    <definedName name="Ｃの３６" localSheetId="5">#REF!</definedName>
    <definedName name="Ｃの３６" localSheetId="6">#REF!</definedName>
    <definedName name="Ｃの３６" localSheetId="7">#REF!</definedName>
    <definedName name="Ｃの３６" localSheetId="8">#REF!</definedName>
    <definedName name="Ｃの３６" localSheetId="2">#REF!</definedName>
    <definedName name="Ｃの３６">#REF!</definedName>
    <definedName name="Ｃの４" localSheetId="4">#REF!</definedName>
    <definedName name="Ｃの４" localSheetId="5">#REF!</definedName>
    <definedName name="Ｃの４" localSheetId="6">#REF!</definedName>
    <definedName name="Ｃの４" localSheetId="7">#REF!</definedName>
    <definedName name="Ｃの４" localSheetId="8">#REF!</definedName>
    <definedName name="Ｃの４" localSheetId="2">#REF!</definedName>
    <definedName name="Ｃの４">#REF!</definedName>
    <definedName name="Ｃの５" localSheetId="4">#REF!</definedName>
    <definedName name="Ｃの５" localSheetId="5">#REF!</definedName>
    <definedName name="Ｃの５" localSheetId="6">#REF!</definedName>
    <definedName name="Ｃの５" localSheetId="7">#REF!</definedName>
    <definedName name="Ｃの５" localSheetId="8">#REF!</definedName>
    <definedName name="Ｃの５" localSheetId="2">#REF!</definedName>
    <definedName name="Ｃの５">#REF!</definedName>
    <definedName name="Ｃの６" localSheetId="4">#REF!</definedName>
    <definedName name="Ｃの６" localSheetId="5">#REF!</definedName>
    <definedName name="Ｃの６" localSheetId="6">#REF!</definedName>
    <definedName name="Ｃの６" localSheetId="7">#REF!</definedName>
    <definedName name="Ｃの６" localSheetId="8">#REF!</definedName>
    <definedName name="Ｃの６" localSheetId="2">#REF!</definedName>
    <definedName name="Ｃの６">#REF!</definedName>
    <definedName name="Ｃの７" localSheetId="4">#REF!</definedName>
    <definedName name="Ｃの７" localSheetId="5">#REF!</definedName>
    <definedName name="Ｃの７" localSheetId="6">#REF!</definedName>
    <definedName name="Ｃの７" localSheetId="7">#REF!</definedName>
    <definedName name="Ｃの７" localSheetId="8">#REF!</definedName>
    <definedName name="Ｃの７" localSheetId="2">#REF!</definedName>
    <definedName name="Ｃの７">#REF!</definedName>
    <definedName name="Ｃの８" localSheetId="4">#REF!</definedName>
    <definedName name="Ｃの８" localSheetId="5">#REF!</definedName>
    <definedName name="Ｃの８" localSheetId="6">#REF!</definedName>
    <definedName name="Ｃの８" localSheetId="7">#REF!</definedName>
    <definedName name="Ｃの８" localSheetId="8">#REF!</definedName>
    <definedName name="Ｃの８" localSheetId="2">#REF!</definedName>
    <definedName name="Ｃの８">#REF!</definedName>
    <definedName name="Ｃの９" localSheetId="4">#REF!</definedName>
    <definedName name="Ｃの９" localSheetId="5">#REF!</definedName>
    <definedName name="Ｃの９" localSheetId="6">#REF!</definedName>
    <definedName name="Ｃの９" localSheetId="7">#REF!</definedName>
    <definedName name="Ｃの９" localSheetId="8">#REF!</definedName>
    <definedName name="Ｃの９" localSheetId="2">#REF!</definedName>
    <definedName name="Ｃの９">#REF!</definedName>
    <definedName name="Ｃ既存校舎" localSheetId="4">[33]内訳書!#REF!</definedName>
    <definedName name="Ｃ既存校舎" localSheetId="5">[33]内訳書!#REF!</definedName>
    <definedName name="Ｃ既存校舎" localSheetId="6">[33]内訳書!#REF!</definedName>
    <definedName name="Ｃ既存校舎" localSheetId="7">[33]内訳書!#REF!</definedName>
    <definedName name="Ｃ既存校舎" localSheetId="8">[33]内訳書!#REF!</definedName>
    <definedName name="Ｃ既存校舎" localSheetId="2">[33]内訳書!#REF!</definedName>
    <definedName name="Ｃ既存校舎">[33]内訳書!#REF!</definedName>
    <definedName name="C種" localSheetId="4">#REF!</definedName>
    <definedName name="C種" localSheetId="5">#REF!</definedName>
    <definedName name="C種" localSheetId="6">#REF!</definedName>
    <definedName name="C種" localSheetId="7">#REF!</definedName>
    <definedName name="C種" localSheetId="8">#REF!</definedName>
    <definedName name="C種" localSheetId="9">#REF!</definedName>
    <definedName name="C種" localSheetId="2">#REF!</definedName>
    <definedName name="C種">#REF!</definedName>
    <definedName name="Ｃ代価" localSheetId="4">#REF!</definedName>
    <definedName name="Ｃ代価" localSheetId="5">#REF!</definedName>
    <definedName name="Ｃ代価" localSheetId="6">#REF!</definedName>
    <definedName name="Ｃ代価" localSheetId="7">#REF!</definedName>
    <definedName name="Ｃ代価" localSheetId="8">#REF!</definedName>
    <definedName name="Ｃ代価" localSheetId="2">#REF!</definedName>
    <definedName name="Ｃ代価">#REF!</definedName>
    <definedName name="Ｃ代価表一覧表" localSheetId="4">#REF!</definedName>
    <definedName name="Ｃ代価表一覧表" localSheetId="5">#REF!</definedName>
    <definedName name="Ｃ代価表一覧表" localSheetId="6">#REF!</definedName>
    <definedName name="Ｃ代価表一覧表" localSheetId="7">#REF!</definedName>
    <definedName name="Ｃ代価表一覧表" localSheetId="8">#REF!</definedName>
    <definedName name="Ｃ代価表一覧表" localSheetId="0">#REF!</definedName>
    <definedName name="Ｃ代価表一覧表" localSheetId="2">#REF!</definedName>
    <definedName name="Ｃ代価表一覧表">#REF!</definedName>
    <definedName name="D" localSheetId="4">#REF!</definedName>
    <definedName name="D" localSheetId="5">#REF!</definedName>
    <definedName name="D" localSheetId="6">#REF!</definedName>
    <definedName name="D" localSheetId="7">#REF!</definedName>
    <definedName name="D" localSheetId="8">#REF!</definedName>
    <definedName name="D" localSheetId="0">#REF!</definedName>
    <definedName name="D" localSheetId="2">#REF!</definedName>
    <definedName name="D">#REF!</definedName>
    <definedName name="DAIKA" localSheetId="4">#REF!</definedName>
    <definedName name="DAIKA" localSheetId="5">#REF!</definedName>
    <definedName name="DAIKA" localSheetId="6">#REF!</definedName>
    <definedName name="DAIKA" localSheetId="7">#REF!</definedName>
    <definedName name="DAIKA" localSheetId="8">#REF!</definedName>
    <definedName name="DAIKA" localSheetId="2">#REF!</definedName>
    <definedName name="DAIKA">#REF!</definedName>
    <definedName name="data">[34]一位代価!$A:$IV</definedName>
    <definedName name="data1" localSheetId="4">#REF!</definedName>
    <definedName name="data1" localSheetId="5">#REF!</definedName>
    <definedName name="data1" localSheetId="6">#REF!</definedName>
    <definedName name="data1" localSheetId="7">#REF!</definedName>
    <definedName name="data1" localSheetId="8">#REF!</definedName>
    <definedName name="data1" localSheetId="9">#REF!</definedName>
    <definedName name="data1" localSheetId="2">#REF!</definedName>
    <definedName name="data1">#REF!</definedName>
    <definedName name="data12" localSheetId="4">#REF!</definedName>
    <definedName name="data12" localSheetId="5">#REF!</definedName>
    <definedName name="data12" localSheetId="6">#REF!</definedName>
    <definedName name="data12" localSheetId="7">#REF!</definedName>
    <definedName name="data12" localSheetId="8">#REF!</definedName>
    <definedName name="data12" localSheetId="2">#REF!</definedName>
    <definedName name="data12">#REF!</definedName>
    <definedName name="data2" localSheetId="4">#REF!</definedName>
    <definedName name="data2" localSheetId="5">#REF!</definedName>
    <definedName name="data2" localSheetId="6">#REF!</definedName>
    <definedName name="data2" localSheetId="7">#REF!</definedName>
    <definedName name="data2" localSheetId="8">#REF!</definedName>
    <definedName name="data2" localSheetId="2">#REF!</definedName>
    <definedName name="data2">#REF!</definedName>
    <definedName name="data3" localSheetId="4">#REF!</definedName>
    <definedName name="data3" localSheetId="5">#REF!</definedName>
    <definedName name="data3" localSheetId="6">#REF!</definedName>
    <definedName name="data3" localSheetId="7">#REF!</definedName>
    <definedName name="data3" localSheetId="8">#REF!</definedName>
    <definedName name="data3" localSheetId="2">#REF!</definedName>
    <definedName name="data3">#REF!</definedName>
    <definedName name="data4" localSheetId="4">#REF!</definedName>
    <definedName name="data4" localSheetId="5">#REF!</definedName>
    <definedName name="data4" localSheetId="6">#REF!</definedName>
    <definedName name="data4" localSheetId="7">#REF!</definedName>
    <definedName name="data4" localSheetId="8">#REF!</definedName>
    <definedName name="data4" localSheetId="2">#REF!</definedName>
    <definedName name="data4">#REF!</definedName>
    <definedName name="_xlnm.Database" localSheetId="4">#REF!</definedName>
    <definedName name="_xlnm.Database" localSheetId="5">#REF!</definedName>
    <definedName name="_xlnm.Database" localSheetId="6">#REF!</definedName>
    <definedName name="_xlnm.Database" localSheetId="7">#REF!</definedName>
    <definedName name="_xlnm.Database" localSheetId="8">#REF!</definedName>
    <definedName name="_xlnm.Database" localSheetId="2">#REF!</definedName>
    <definedName name="_xlnm.Database">#REF!</definedName>
    <definedName name="Database_MI" localSheetId="4">#REF!</definedName>
    <definedName name="Database_MI" localSheetId="5">#REF!</definedName>
    <definedName name="Database_MI" localSheetId="6">#REF!</definedName>
    <definedName name="Database_MI" localSheetId="7">#REF!</definedName>
    <definedName name="Database_MI" localSheetId="8">#REF!</definedName>
    <definedName name="Database_MI" localSheetId="2">#REF!</definedName>
    <definedName name="Database_MI">#REF!</definedName>
    <definedName name="ｄｃ">[26]条件!$E$23</definedName>
    <definedName name="DD" localSheetId="4">#REF!</definedName>
    <definedName name="DD" localSheetId="5">#REF!</definedName>
    <definedName name="DD" localSheetId="6">#REF!</definedName>
    <definedName name="DD" localSheetId="7">#REF!</definedName>
    <definedName name="DD" localSheetId="8">#REF!</definedName>
    <definedName name="DD" localSheetId="9">#REF!</definedName>
    <definedName name="DD" localSheetId="2">#REF!</definedName>
    <definedName name="DD">#REF!</definedName>
    <definedName name="ddd" localSheetId="4">[13]!ピクチャ5_Click</definedName>
    <definedName name="ddd" localSheetId="5">[13]!ピクチャ5_Click</definedName>
    <definedName name="ddd" localSheetId="6">[13]!ピクチャ5_Click</definedName>
    <definedName name="ddd" localSheetId="7">[13]!ピクチャ5_Click</definedName>
    <definedName name="ddd" localSheetId="8">[13]!ピクチャ5_Click</definedName>
    <definedName name="ddd" localSheetId="2">[13]!ピクチャ5_Click</definedName>
    <definedName name="ddd">[13]!ピクチャ5_Click</definedName>
    <definedName name="dddd" localSheetId="4">[35]!Dialog3_ボタン2_Click</definedName>
    <definedName name="dddd" localSheetId="5">[35]!Dialog3_ボタン2_Click</definedName>
    <definedName name="dddd" localSheetId="6">[35]!Dialog3_ボタン2_Click</definedName>
    <definedName name="dddd" localSheetId="7">[35]!Dialog3_ボタン2_Click</definedName>
    <definedName name="dddd" localSheetId="8">[35]!Dialog3_ボタン2_Click</definedName>
    <definedName name="dddd" localSheetId="2">[35]!Dialog3_ボタン2_Click</definedName>
    <definedName name="dddd">[35]!Dialog3_ボタン2_Click</definedName>
    <definedName name="dddd3" localSheetId="4">[35]!Dialog3_ボタン2_Click</definedName>
    <definedName name="dddd3" localSheetId="5">[35]!Dialog3_ボタン2_Click</definedName>
    <definedName name="dddd3" localSheetId="6">[35]!Dialog3_ボタン2_Click</definedName>
    <definedName name="dddd3" localSheetId="7">[35]!Dialog3_ボタン2_Click</definedName>
    <definedName name="dddd3" localSheetId="8">[35]!Dialog3_ボタン2_Click</definedName>
    <definedName name="dddd3" localSheetId="2">[35]!Dialog3_ボタン2_Click</definedName>
    <definedName name="dddd3">[35]!Dialog3_ボタン2_Click</definedName>
    <definedName name="ｄｄｄｄｄ" localSheetId="4">[36]!ピクチャ5_Click</definedName>
    <definedName name="ｄｄｄｄｄ" localSheetId="5">[36]!ピクチャ5_Click</definedName>
    <definedName name="ｄｄｄｄｄ" localSheetId="6">[36]!ピクチャ5_Click</definedName>
    <definedName name="ｄｄｄｄｄ" localSheetId="7">[36]!ピクチャ5_Click</definedName>
    <definedName name="ｄｄｄｄｄ" localSheetId="8">[36]!ピクチャ5_Click</definedName>
    <definedName name="ｄｄｄｄｄ" localSheetId="2">[36]!ピクチャ5_Click</definedName>
    <definedName name="ｄｄｄｄｄ">[36]!ピクチャ5_Click</definedName>
    <definedName name="ddddd5" localSheetId="4">[35]!ピクチャ5_Click</definedName>
    <definedName name="ddddd5" localSheetId="5">[35]!ピクチャ5_Click</definedName>
    <definedName name="ddddd5" localSheetId="6">[35]!ピクチャ5_Click</definedName>
    <definedName name="ddddd5" localSheetId="7">[35]!ピクチャ5_Click</definedName>
    <definedName name="ddddd5" localSheetId="8">[35]!ピクチャ5_Click</definedName>
    <definedName name="ddddd5" localSheetId="2">[35]!ピクチャ5_Click</definedName>
    <definedName name="ddddd5">[35]!ピクチャ5_Click</definedName>
    <definedName name="DDDDDD" localSheetId="4">[37]!Dialog3_ボタン2_Click</definedName>
    <definedName name="DDDDDD" localSheetId="5">[37]!Dialog3_ボタン2_Click</definedName>
    <definedName name="DDDDDD" localSheetId="6">[37]!Dialog3_ボタン2_Click</definedName>
    <definedName name="DDDDDD" localSheetId="7">[37]!Dialog3_ボタン2_Click</definedName>
    <definedName name="DDDDDD" localSheetId="8">[37]!Dialog3_ボタン2_Click</definedName>
    <definedName name="DDDDDD" localSheetId="2">[37]!Dialog3_ボタン2_Click</definedName>
    <definedName name="DDDDDD">[37]!Dialog3_ボタン2_Click</definedName>
    <definedName name="ｄｆ">[26]条件!$C$24</definedName>
    <definedName name="Dialog3_ボタン2_Click" localSheetId="4">[38]!Dialog3_ボタン2_Click</definedName>
    <definedName name="Dialog3_ボタン2_Click" localSheetId="5">[38]!Dialog3_ボタン2_Click</definedName>
    <definedName name="Dialog3_ボタン2_Click" localSheetId="6">[38]!Dialog3_ボタン2_Click</definedName>
    <definedName name="Dialog3_ボタン2_Click" localSheetId="7">[38]!Dialog3_ボタン2_Click</definedName>
    <definedName name="Dialog3_ボタン2_Click" localSheetId="8">[38]!Dialog3_ボタン2_Click</definedName>
    <definedName name="Dialog3_ボタン2_Click" localSheetId="2">[38]!Dialog3_ボタン2_Click</definedName>
    <definedName name="Dialog3_ボタン2_Click">[38]!Dialog3_ボタン2_Click</definedName>
    <definedName name="DK" localSheetId="9">21000</definedName>
    <definedName name="DK">17902</definedName>
    <definedName name="DKT">19100</definedName>
    <definedName name="ＤＳ" localSheetId="4">#REF!</definedName>
    <definedName name="ＤＳ" localSheetId="5">#REF!</definedName>
    <definedName name="ＤＳ" localSheetId="6">#REF!</definedName>
    <definedName name="ＤＳ" localSheetId="7">#REF!</definedName>
    <definedName name="ＤＳ" localSheetId="8">#REF!</definedName>
    <definedName name="ＤＳ" localSheetId="9">#REF!</definedName>
    <definedName name="ＤＳ" localSheetId="2">#REF!</definedName>
    <definedName name="ＤＳ">#REF!</definedName>
    <definedName name="Dグランド照明" localSheetId="4">[33]内訳書!#REF!</definedName>
    <definedName name="Dグランド照明" localSheetId="5">[33]内訳書!#REF!</definedName>
    <definedName name="Dグランド照明" localSheetId="6">[33]内訳書!#REF!</definedName>
    <definedName name="Dグランド照明" localSheetId="7">[33]内訳書!#REF!</definedName>
    <definedName name="Dグランド照明" localSheetId="8">[33]内訳書!#REF!</definedName>
    <definedName name="Dグランド照明" localSheetId="9">[33]内訳書!#REF!</definedName>
    <definedName name="Dグランド照明" localSheetId="2">[33]内訳書!#REF!</definedName>
    <definedName name="Dグランド照明">[33]内訳書!#REF!</definedName>
    <definedName name="e" localSheetId="9">施工条件明示一覧表!e</definedName>
    <definedName name="e" localSheetId="0">設計書表紙!e</definedName>
    <definedName name="e">[0]!e</definedName>
    <definedName name="EC" localSheetId="4">#REF!</definedName>
    <definedName name="EC" localSheetId="5">#REF!</definedName>
    <definedName name="EC" localSheetId="6">#REF!</definedName>
    <definedName name="EC" localSheetId="7">#REF!</definedName>
    <definedName name="EC" localSheetId="8">#REF!</definedName>
    <definedName name="EC" localSheetId="9">#REF!</definedName>
    <definedName name="EC" localSheetId="2">#REF!</definedName>
    <definedName name="EC">#REF!</definedName>
    <definedName name="ED" localSheetId="4">#REF!</definedName>
    <definedName name="ED" localSheetId="5">#REF!</definedName>
    <definedName name="ED" localSheetId="6">#REF!</definedName>
    <definedName name="ED" localSheetId="7">#REF!</definedName>
    <definedName name="ED" localSheetId="8">#REF!</definedName>
    <definedName name="ED" localSheetId="2">#REF!</definedName>
    <definedName name="ED">#REF!</definedName>
    <definedName name="EF" localSheetId="4">#REF!</definedName>
    <definedName name="EF" localSheetId="5">#REF!</definedName>
    <definedName name="EF" localSheetId="6">#REF!</definedName>
    <definedName name="EF" localSheetId="7">#REF!</definedName>
    <definedName name="EF" localSheetId="8">#REF!</definedName>
    <definedName name="EF" localSheetId="2">#REF!</definedName>
    <definedName name="EF">#REF!</definedName>
    <definedName name="EG" localSheetId="4">#REF!</definedName>
    <definedName name="EG" localSheetId="5">#REF!</definedName>
    <definedName name="EG" localSheetId="6">#REF!</definedName>
    <definedName name="EG" localSheetId="7">#REF!</definedName>
    <definedName name="EG" localSheetId="8">#REF!</definedName>
    <definedName name="EG" localSheetId="2">#REF!</definedName>
    <definedName name="EG">#REF!</definedName>
    <definedName name="Eizen" localSheetId="4">[23]!Eizen</definedName>
    <definedName name="Eizen" localSheetId="5">[23]!Eizen</definedName>
    <definedName name="Eizen" localSheetId="6">[23]!Eizen</definedName>
    <definedName name="Eizen" localSheetId="7">[23]!Eizen</definedName>
    <definedName name="Eizen" localSheetId="8">[23]!Eizen</definedName>
    <definedName name="Eizen" localSheetId="9">[24]!Eizen</definedName>
    <definedName name="Eizen" localSheetId="2">[23]!Eizen</definedName>
    <definedName name="Eizen">[23]!Eizen</definedName>
    <definedName name="EIZEN5" localSheetId="9" hidden="1">{"設定1",#N/A,FALSE,"第5号-1";"設定2",#N/A,FALSE,"第5号-1"}</definedName>
    <definedName name="EIZEN5" hidden="1">{"設定1",#N/A,FALSE,"第5号-1";"設定2",#N/A,FALSE,"第5号-1"}</definedName>
    <definedName name="EizenHyouji" localSheetId="4">[23]!EizenHyouji</definedName>
    <definedName name="EizenHyouji" localSheetId="5">[23]!EizenHyouji</definedName>
    <definedName name="EizenHyouji" localSheetId="6">[23]!EizenHyouji</definedName>
    <definedName name="EizenHyouji" localSheetId="7">[23]!EizenHyouji</definedName>
    <definedName name="EizenHyouji" localSheetId="8">[23]!EizenHyouji</definedName>
    <definedName name="EizenHyouji" localSheetId="9">[24]!EizenHyouji</definedName>
    <definedName name="EizenHyouji" localSheetId="2">[23]!EizenHyouji</definedName>
    <definedName name="EizenHyouji">[23]!EizenHyouji</definedName>
    <definedName name="EK" localSheetId="4">#REF!</definedName>
    <definedName name="EK" localSheetId="5">#REF!</definedName>
    <definedName name="EK" localSheetId="6">#REF!</definedName>
    <definedName name="EK" localSheetId="7">#REF!</definedName>
    <definedName name="EK" localSheetId="8">#REF!</definedName>
    <definedName name="EK" localSheetId="9">#REF!</definedName>
    <definedName name="EK" localSheetId="2">#REF!</definedName>
    <definedName name="EK">#REF!</definedName>
    <definedName name="ES" localSheetId="4">#REF!</definedName>
    <definedName name="ES" localSheetId="5">#REF!</definedName>
    <definedName name="ES" localSheetId="6">#REF!</definedName>
    <definedName name="ES" localSheetId="7">#REF!</definedName>
    <definedName name="ES" localSheetId="8">#REF!</definedName>
    <definedName name="ES" localSheetId="2">#REF!</definedName>
    <definedName name="ES">#REF!</definedName>
    <definedName name="EV" localSheetId="4">#REF!</definedName>
    <definedName name="EV" localSheetId="5">#REF!</definedName>
    <definedName name="EV" localSheetId="6">#REF!</definedName>
    <definedName name="EV" localSheetId="7">#REF!</definedName>
    <definedName name="EV" localSheetId="8">#REF!</definedName>
    <definedName name="EV" localSheetId="2">#REF!</definedName>
    <definedName name="EV">#REF!</definedName>
    <definedName name="_xlnm.Extract" localSheetId="4">#REF!</definedName>
    <definedName name="_xlnm.Extract" localSheetId="5">#REF!</definedName>
    <definedName name="_xlnm.Extract" localSheetId="6">#REF!</definedName>
    <definedName name="_xlnm.Extract" localSheetId="7">#REF!</definedName>
    <definedName name="_xlnm.Extract" localSheetId="8">#REF!</definedName>
    <definedName name="_xlnm.Extract" localSheetId="2">#REF!</definedName>
    <definedName name="_xlnm.Extract">#REF!</definedName>
    <definedName name="Extract_MI" localSheetId="4">#REF!</definedName>
    <definedName name="Extract_MI" localSheetId="5">#REF!</definedName>
    <definedName name="Extract_MI" localSheetId="6">#REF!</definedName>
    <definedName name="Extract_MI" localSheetId="7">#REF!</definedName>
    <definedName name="Extract_MI" localSheetId="8">#REF!</definedName>
    <definedName name="Extract_MI" localSheetId="2">#REF!</definedName>
    <definedName name="Extract_MI">#REF!</definedName>
    <definedName name="F" localSheetId="4">#REF!</definedName>
    <definedName name="F" localSheetId="5">#REF!</definedName>
    <definedName name="F" localSheetId="6">#REF!</definedName>
    <definedName name="F" localSheetId="7">#REF!</definedName>
    <definedName name="F" localSheetId="8">#REF!</definedName>
    <definedName name="F" localSheetId="2">#REF!</definedName>
    <definedName name="F">#REF!</definedName>
    <definedName name="ｆｆ">[26]条件!$C$16</definedName>
    <definedName name="ｆｇ">[26]条件!$C$23</definedName>
    <definedName name="ｆｈ">[26]条件!$C$9</definedName>
    <definedName name="fhkjhyg" localSheetId="4">#REF!</definedName>
    <definedName name="fhkjhyg" localSheetId="5">#REF!</definedName>
    <definedName name="fhkjhyg" localSheetId="6">#REF!</definedName>
    <definedName name="fhkjhyg" localSheetId="7">#REF!</definedName>
    <definedName name="fhkjhyg" localSheetId="8">#REF!</definedName>
    <definedName name="fhkjhyg" localSheetId="9">#REF!</definedName>
    <definedName name="fhkjhyg" localSheetId="2">#REF!</definedName>
    <definedName name="fhkjhyg">#REF!</definedName>
    <definedName name="FL">[4]歩・屋!$D$4:$D$43</definedName>
    <definedName name="FNA" localSheetId="4">#REF!</definedName>
    <definedName name="FNA" localSheetId="5">#REF!</definedName>
    <definedName name="FNA" localSheetId="6">#REF!</definedName>
    <definedName name="FNA" localSheetId="7">#REF!</definedName>
    <definedName name="FNA" localSheetId="8">#REF!</definedName>
    <definedName name="FNA" localSheetId="9">#REF!</definedName>
    <definedName name="FNA" localSheetId="2">#REF!</definedName>
    <definedName name="FNA">#REF!</definedName>
    <definedName name="FOR総括表" localSheetId="4">#REF!</definedName>
    <definedName name="FOR総括表" localSheetId="5">#REF!</definedName>
    <definedName name="FOR総括表" localSheetId="6">#REF!</definedName>
    <definedName name="FOR総括表" localSheetId="7">#REF!</definedName>
    <definedName name="FOR総括表" localSheetId="8">#REF!</definedName>
    <definedName name="FOR総括表" localSheetId="2">#REF!</definedName>
    <definedName name="FOR総括表">#REF!</definedName>
    <definedName name="FROMV1" localSheetId="4">#REF!</definedName>
    <definedName name="FROMV1" localSheetId="5">#REF!</definedName>
    <definedName name="FROMV1" localSheetId="6">#REF!</definedName>
    <definedName name="FROMV1" localSheetId="7">#REF!</definedName>
    <definedName name="FROMV1" localSheetId="8">#REF!</definedName>
    <definedName name="FROMV1" localSheetId="2">#REF!</definedName>
    <definedName name="FROMV1">#REF!</definedName>
    <definedName name="FS" localSheetId="9">17200</definedName>
    <definedName name="FS">14522</definedName>
    <definedName name="G" localSheetId="4">#REF!</definedName>
    <definedName name="G" localSheetId="5">#REF!</definedName>
    <definedName name="G" localSheetId="6">#REF!</definedName>
    <definedName name="G" localSheetId="7">#REF!</definedName>
    <definedName name="G" localSheetId="8">#REF!</definedName>
    <definedName name="G" localSheetId="9">#REF!</definedName>
    <definedName name="G" localSheetId="2">#REF!</definedName>
    <definedName name="G">#REF!</definedName>
    <definedName name="GenbaKanri" localSheetId="4">[23]!GenbaKanri</definedName>
    <definedName name="GenbaKanri" localSheetId="5">[23]!GenbaKanri</definedName>
    <definedName name="GenbaKanri" localSheetId="6">[23]!GenbaKanri</definedName>
    <definedName name="GenbaKanri" localSheetId="7">[23]!GenbaKanri</definedName>
    <definedName name="GenbaKanri" localSheetId="8">[23]!GenbaKanri</definedName>
    <definedName name="GenbaKanri" localSheetId="9">[24]!GenbaKanri</definedName>
    <definedName name="GenbaKanri" localSheetId="2">[23]!GenbaKanri</definedName>
    <definedName name="GenbaKanri">[23]!GenbaKanri</definedName>
    <definedName name="GenbaKanriHyouji" localSheetId="4">[23]!GenbaKanriHyouji</definedName>
    <definedName name="GenbaKanriHyouji" localSheetId="5">[23]!GenbaKanriHyouji</definedName>
    <definedName name="GenbaKanriHyouji" localSheetId="6">[23]!GenbaKanriHyouji</definedName>
    <definedName name="GenbaKanriHyouji" localSheetId="7">[23]!GenbaKanriHyouji</definedName>
    <definedName name="GenbaKanriHyouji" localSheetId="8">[23]!GenbaKanriHyouji</definedName>
    <definedName name="GenbaKanriHyouji" localSheetId="9">[24]!GenbaKanriHyouji</definedName>
    <definedName name="GenbaKanriHyouji" localSheetId="2">[23]!GenbaKanriHyouji</definedName>
    <definedName name="GenbaKanriHyouji">[23]!GenbaKanriHyouji</definedName>
    <definedName name="gggg" localSheetId="4">#REF!</definedName>
    <definedName name="gggg" localSheetId="5">#REF!</definedName>
    <definedName name="gggg" localSheetId="6">#REF!</definedName>
    <definedName name="gggg" localSheetId="7">#REF!</definedName>
    <definedName name="gggg" localSheetId="8">#REF!</definedName>
    <definedName name="gggg" localSheetId="9">#REF!</definedName>
    <definedName name="gggg" localSheetId="2">#REF!</definedName>
    <definedName name="gggg">#REF!</definedName>
    <definedName name="gggggg" localSheetId="4">#REF!</definedName>
    <definedName name="gggggg" localSheetId="5">#REF!</definedName>
    <definedName name="gggggg" localSheetId="6">#REF!</definedName>
    <definedName name="gggggg" localSheetId="7">#REF!</definedName>
    <definedName name="gggggg" localSheetId="8">#REF!</definedName>
    <definedName name="gggggg" localSheetId="2">#REF!</definedName>
    <definedName name="gggggg">#REF!</definedName>
    <definedName name="ＧＴ">[4]歩・屋!$W$12</definedName>
    <definedName name="H" localSheetId="4">#REF!</definedName>
    <definedName name="H" localSheetId="5">#REF!</definedName>
    <definedName name="H" localSheetId="6">#REF!</definedName>
    <definedName name="H" localSheetId="7">#REF!</definedName>
    <definedName name="H" localSheetId="8">#REF!</definedName>
    <definedName name="H" localSheetId="9">#REF!</definedName>
    <definedName name="H" localSheetId="2">#REF!</definedName>
    <definedName name="H">#REF!</definedName>
    <definedName name="hdata12" localSheetId="4">#REF!</definedName>
    <definedName name="hdata12" localSheetId="5">#REF!</definedName>
    <definedName name="hdata12" localSheetId="6">#REF!</definedName>
    <definedName name="hdata12" localSheetId="7">#REF!</definedName>
    <definedName name="hdata12" localSheetId="8">#REF!</definedName>
    <definedName name="hdata12" localSheetId="2">#REF!</definedName>
    <definedName name="hdata12">#REF!</definedName>
    <definedName name="HH" localSheetId="4">#REF!</definedName>
    <definedName name="HH" localSheetId="5">#REF!</definedName>
    <definedName name="HH" localSheetId="6">#REF!</definedName>
    <definedName name="HH" localSheetId="7">#REF!</definedName>
    <definedName name="HH" localSheetId="8">#REF!</definedName>
    <definedName name="HH" localSheetId="2">#REF!</definedName>
    <definedName name="HH">#REF!</definedName>
    <definedName name="ｈｈｈ">[4]歩・屋!$W$13</definedName>
    <definedName name="HK">17902</definedName>
    <definedName name="HOKAN" localSheetId="4">#REF!</definedName>
    <definedName name="HOKAN" localSheetId="5">#REF!</definedName>
    <definedName name="HOKAN" localSheetId="6">#REF!</definedName>
    <definedName name="HOKAN" localSheetId="7">#REF!</definedName>
    <definedName name="HOKAN" localSheetId="8">#REF!</definedName>
    <definedName name="HOKAN" localSheetId="9">#REF!</definedName>
    <definedName name="HOKAN" localSheetId="2">#REF!</definedName>
    <definedName name="HOKAN">#REF!</definedName>
    <definedName name="HS">0.2</definedName>
    <definedName name="HYOU" localSheetId="4">#REF!</definedName>
    <definedName name="HYOU" localSheetId="5">#REF!</definedName>
    <definedName name="HYOU" localSheetId="6">#REF!</definedName>
    <definedName name="HYOU" localSheetId="7">#REF!</definedName>
    <definedName name="HYOU" localSheetId="8">#REF!</definedName>
    <definedName name="HYOU" localSheetId="9">#REF!</definedName>
    <definedName name="HYOU" localSheetId="2">#REF!</definedName>
    <definedName name="HYOU">#REF!</definedName>
    <definedName name="HYOU1" localSheetId="4">#REF!</definedName>
    <definedName name="HYOU1" localSheetId="5">#REF!</definedName>
    <definedName name="HYOU1" localSheetId="6">#REF!</definedName>
    <definedName name="HYOU1" localSheetId="7">#REF!</definedName>
    <definedName name="HYOU1" localSheetId="8">#REF!</definedName>
    <definedName name="HYOU1" localSheetId="2">#REF!</definedName>
    <definedName name="HYOU1">#REF!</definedName>
    <definedName name="I" localSheetId="4">#REF!</definedName>
    <definedName name="I" localSheetId="5">#REF!</definedName>
    <definedName name="I" localSheetId="6">#REF!</definedName>
    <definedName name="I" localSheetId="7">#REF!</definedName>
    <definedName name="I" localSheetId="8">#REF!</definedName>
    <definedName name="I" localSheetId="2">#REF!</definedName>
    <definedName name="I">#REF!</definedName>
    <definedName name="IAS" localSheetId="4">#REF!</definedName>
    <definedName name="IAS" localSheetId="5">#REF!</definedName>
    <definedName name="IAS" localSheetId="6">#REF!</definedName>
    <definedName name="IAS" localSheetId="7">#REF!</definedName>
    <definedName name="IAS" localSheetId="8">#REF!</definedName>
    <definedName name="IAS" localSheetId="2">#REF!</definedName>
    <definedName name="IAS">#REF!</definedName>
    <definedName name="iii" localSheetId="9" hidden="1">{"設定1",#N/A,FALSE,"第5号-1";"設定2",#N/A,FALSE,"第5号-1"}</definedName>
    <definedName name="iii" localSheetId="0" hidden="1">{"設定1",#N/A,FALSE,"第5号-1";"設定2",#N/A,FALSE,"第5号-1"}</definedName>
    <definedName name="iii" hidden="1">{"設定1",#N/A,FALSE,"第5号-1";"設定2",#N/A,FALSE,"第5号-1"}</definedName>
    <definedName name="iii_1" localSheetId="9"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4">#REF!</definedName>
    <definedName name="IN_KNN" localSheetId="5">#REF!</definedName>
    <definedName name="IN_KNN" localSheetId="6">#REF!</definedName>
    <definedName name="IN_KNN" localSheetId="7">#REF!</definedName>
    <definedName name="IN_KNN" localSheetId="8">#REF!</definedName>
    <definedName name="IN_KNN" localSheetId="0">#REF!</definedName>
    <definedName name="IN_KNN" localSheetId="2">#REF!</definedName>
    <definedName name="IN_KNN">#REF!</definedName>
    <definedName name="INPUT" localSheetId="4">#REF!</definedName>
    <definedName name="INPUT" localSheetId="5">#REF!</definedName>
    <definedName name="INPUT" localSheetId="6">#REF!</definedName>
    <definedName name="INPUT" localSheetId="7">#REF!</definedName>
    <definedName name="INPUT" localSheetId="8">#REF!</definedName>
    <definedName name="INPUT" localSheetId="2">#REF!</definedName>
    <definedName name="INPUT">#REF!</definedName>
    <definedName name="INPUT1" localSheetId="4">#REF!</definedName>
    <definedName name="INPUT1" localSheetId="5">#REF!</definedName>
    <definedName name="INPUT1" localSheetId="6">#REF!</definedName>
    <definedName name="INPUT1" localSheetId="7">#REF!</definedName>
    <definedName name="INPUT1" localSheetId="8">#REF!</definedName>
    <definedName name="INPUT1" localSheetId="2">#REF!</definedName>
    <definedName name="INPUT1">#REF!</definedName>
    <definedName name="INPUT2" localSheetId="4">#REF!</definedName>
    <definedName name="INPUT2" localSheetId="5">#REF!</definedName>
    <definedName name="INPUT2" localSheetId="6">#REF!</definedName>
    <definedName name="INPUT2" localSheetId="7">#REF!</definedName>
    <definedName name="INPUT2" localSheetId="8">#REF!</definedName>
    <definedName name="INPUT2" localSheetId="2">#REF!</definedName>
    <definedName name="INPUT2">#REF!</definedName>
    <definedName name="int" localSheetId="4">#REF!</definedName>
    <definedName name="int" localSheetId="5">#REF!</definedName>
    <definedName name="int" localSheetId="6">#REF!</definedName>
    <definedName name="int" localSheetId="7">#REF!</definedName>
    <definedName name="int" localSheetId="8">#REF!</definedName>
    <definedName name="int" localSheetId="2">#REF!</definedName>
    <definedName name="int">#REF!</definedName>
    <definedName name="IppanKanri" localSheetId="4">[23]!IppanKanri</definedName>
    <definedName name="IppanKanri" localSheetId="5">[23]!IppanKanri</definedName>
    <definedName name="IppanKanri" localSheetId="6">[23]!IppanKanri</definedName>
    <definedName name="IppanKanri" localSheetId="7">[23]!IppanKanri</definedName>
    <definedName name="IppanKanri" localSheetId="8">[23]!IppanKanri</definedName>
    <definedName name="IppanKanri" localSheetId="9">[24]!IppanKanri</definedName>
    <definedName name="IppanKanri" localSheetId="2">[23]!IppanKanri</definedName>
    <definedName name="IppanKanri">[23]!IppanKanri</definedName>
    <definedName name="IppanKanriHyouji" localSheetId="4">[23]!IppanKanriHyouji</definedName>
    <definedName name="IppanKanriHyouji" localSheetId="5">[23]!IppanKanriHyouji</definedName>
    <definedName name="IppanKanriHyouji" localSheetId="6">[23]!IppanKanriHyouji</definedName>
    <definedName name="IppanKanriHyouji" localSheetId="7">[23]!IppanKanriHyouji</definedName>
    <definedName name="IppanKanriHyouji" localSheetId="8">[23]!IppanKanriHyouji</definedName>
    <definedName name="IppanKanriHyouji" localSheetId="9">[24]!IppanKanriHyouji</definedName>
    <definedName name="IppanKanriHyouji" localSheetId="2">[23]!IppanKanriHyouji</definedName>
    <definedName name="IppanKanriHyouji">[23]!IppanKanriHyouji</definedName>
    <definedName name="J" localSheetId="4">#REF!</definedName>
    <definedName name="J" localSheetId="5">#REF!</definedName>
    <definedName name="J" localSheetId="6">#REF!</definedName>
    <definedName name="J" localSheetId="7">#REF!</definedName>
    <definedName name="J" localSheetId="8">#REF!</definedName>
    <definedName name="J" localSheetId="9">#REF!</definedName>
    <definedName name="J" localSheetId="2">#REF!</definedName>
    <definedName name="J">#REF!</definedName>
    <definedName name="ｊｊ">[26]条件!$C$21</definedName>
    <definedName name="Junbi" localSheetId="4">[23]!Junbi</definedName>
    <definedName name="Junbi" localSheetId="5">[23]!Junbi</definedName>
    <definedName name="Junbi" localSheetId="6">[23]!Junbi</definedName>
    <definedName name="Junbi" localSheetId="7">[23]!Junbi</definedName>
    <definedName name="Junbi" localSheetId="8">[23]!Junbi</definedName>
    <definedName name="Junbi" localSheetId="9">[24]!Junbi</definedName>
    <definedName name="Junbi" localSheetId="2">[23]!Junbi</definedName>
    <definedName name="Junbi">[23]!Junbi</definedName>
    <definedName name="JunbiHyouji" localSheetId="4">[23]!JunbiHyouji</definedName>
    <definedName name="JunbiHyouji" localSheetId="5">[23]!JunbiHyouji</definedName>
    <definedName name="JunbiHyouji" localSheetId="6">[23]!JunbiHyouji</definedName>
    <definedName name="JunbiHyouji" localSheetId="7">[23]!JunbiHyouji</definedName>
    <definedName name="JunbiHyouji" localSheetId="8">[23]!JunbiHyouji</definedName>
    <definedName name="JunbiHyouji" localSheetId="9">[24]!JunbiHyouji</definedName>
    <definedName name="JunbiHyouji" localSheetId="2">[23]!JunbiHyouji</definedName>
    <definedName name="JunbiHyouji">[23]!JunbiHyouji</definedName>
    <definedName name="K" localSheetId="9">施工条件明示一覧表!K</definedName>
    <definedName name="K" localSheetId="0">設計書表紙!K</definedName>
    <definedName name="K">[0]!K</definedName>
    <definedName name="keihi2" localSheetId="4" hidden="1">#REF!</definedName>
    <definedName name="keihi2" localSheetId="5" hidden="1">#REF!</definedName>
    <definedName name="keihi2" localSheetId="6" hidden="1">#REF!</definedName>
    <definedName name="keihi2" localSheetId="7" hidden="1">#REF!</definedName>
    <definedName name="keihi2" localSheetId="8" hidden="1">#REF!</definedName>
    <definedName name="keihi2" localSheetId="9" hidden="1">#REF!</definedName>
    <definedName name="keihi2" localSheetId="2" hidden="1">#REF!</definedName>
    <definedName name="keihi2" hidden="1">#REF!</definedName>
    <definedName name="KH">22720</definedName>
    <definedName name="KHK">0</definedName>
    <definedName name="kk" localSheetId="9">施工条件明示一覧表!kk</definedName>
    <definedName name="kk" localSheetId="0">設計書表紙!kk</definedName>
    <definedName name="kk">[0]!kk</definedName>
    <definedName name="kkk" localSheetId="4">[39]入力一般管理!#REF!</definedName>
    <definedName name="kkk" localSheetId="5">[39]入力一般管理!#REF!</definedName>
    <definedName name="kkk" localSheetId="6">[39]入力一般管理!#REF!</definedName>
    <definedName name="kkk" localSheetId="7">[39]入力一般管理!#REF!</definedName>
    <definedName name="kkk" localSheetId="8">[39]入力一般管理!#REF!</definedName>
    <definedName name="kkk" localSheetId="9">[39]入力一般管理!#REF!</definedName>
    <definedName name="kkk" localSheetId="2">[39]入力一般管理!#REF!</definedName>
    <definedName name="kkk">[39]入力一般管理!#REF!</definedName>
    <definedName name="kkkkk" localSheetId="9" hidden="1">{"設定1",#N/A,FALSE,"第5号-1";"設定2",#N/A,FALSE,"第5号-1"}</definedName>
    <definedName name="kkkkk" localSheetId="0" hidden="1">{"設定1",#N/A,FALSE,"第5号-1";"設定2",#N/A,FALSE,"第5号-1"}</definedName>
    <definedName name="kkkkk" hidden="1">{"設定1",#N/A,FALSE,"第5号-1";"設定2",#N/A,FALSE,"第5号-1"}</definedName>
    <definedName name="kkkkk_1" localSheetId="9"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4">#REF!</definedName>
    <definedName name="KR" localSheetId="5">#REF!</definedName>
    <definedName name="KR" localSheetId="6">#REF!</definedName>
    <definedName name="KR" localSheetId="7">#REF!</definedName>
    <definedName name="KR" localSheetId="8">#REF!</definedName>
    <definedName name="KR" localSheetId="9">#REF!</definedName>
    <definedName name="KR" localSheetId="2">#REF!</definedName>
    <definedName name="KR">#REF!</definedName>
    <definedName name="KS">0.18</definedName>
    <definedName name="kt">0</definedName>
    <definedName name="kw計" localSheetId="4">#REF!</definedName>
    <definedName name="kw計" localSheetId="5">#REF!</definedName>
    <definedName name="kw計" localSheetId="6">#REF!</definedName>
    <definedName name="kw計" localSheetId="7">#REF!</definedName>
    <definedName name="kw計" localSheetId="8">#REF!</definedName>
    <definedName name="kw計" localSheetId="9">#REF!</definedName>
    <definedName name="kw計" localSheetId="2">#REF!</definedName>
    <definedName name="kw計">#REF!</definedName>
    <definedName name="L" localSheetId="9">施工条件明示一覧表!L</definedName>
    <definedName name="L" localSheetId="0">設計書表紙!L</definedName>
    <definedName name="L">[0]!L</definedName>
    <definedName name="L3554Ｌ３０００" localSheetId="4">#REF!</definedName>
    <definedName name="L3554Ｌ３０００" localSheetId="5">#REF!</definedName>
    <definedName name="L3554Ｌ３０００" localSheetId="6">#REF!</definedName>
    <definedName name="L3554Ｌ３０００" localSheetId="7">#REF!</definedName>
    <definedName name="L3554Ｌ３０００" localSheetId="8">#REF!</definedName>
    <definedName name="L3554Ｌ３０００" localSheetId="9">#REF!</definedName>
    <definedName name="L3554Ｌ３０００" localSheetId="2">#REF!</definedName>
    <definedName name="L3554Ｌ３０００">#REF!</definedName>
    <definedName name="LL" localSheetId="4">#REF!</definedName>
    <definedName name="LL" localSheetId="5">#REF!</definedName>
    <definedName name="LL" localSheetId="6">#REF!</definedName>
    <definedName name="LL" localSheetId="7">#REF!</definedName>
    <definedName name="LL" localSheetId="8">#REF!</definedName>
    <definedName name="LL" localSheetId="2">#REF!</definedName>
    <definedName name="LL">#REF!</definedName>
    <definedName name="LOOPN" localSheetId="4">[28]表紙!#REF!</definedName>
    <definedName name="LOOPN" localSheetId="5">[28]表紙!#REF!</definedName>
    <definedName name="LOOPN" localSheetId="6">[28]表紙!#REF!</definedName>
    <definedName name="LOOPN" localSheetId="7">[28]表紙!#REF!</definedName>
    <definedName name="LOOPN" localSheetId="8">[28]表紙!#REF!</definedName>
    <definedName name="LOOPN" localSheetId="2">[28]表紙!#REF!</definedName>
    <definedName name="LOOPN">[28]表紙!#REF!</definedName>
    <definedName name="LOOPS" localSheetId="4">[28]表紙!#REF!</definedName>
    <definedName name="LOOPS" localSheetId="5">[28]表紙!#REF!</definedName>
    <definedName name="LOOPS" localSheetId="6">[28]表紙!#REF!</definedName>
    <definedName name="LOOPS" localSheetId="7">[28]表紙!#REF!</definedName>
    <definedName name="LOOPS" localSheetId="8">[28]表紙!#REF!</definedName>
    <definedName name="LOOPS" localSheetId="2">[28]表紙!#REF!</definedName>
    <definedName name="LOOPS">[28]表紙!#REF!</definedName>
    <definedName name="LOOP入" localSheetId="4">[28]表紙!#REF!</definedName>
    <definedName name="LOOP入" localSheetId="5">[28]表紙!#REF!</definedName>
    <definedName name="LOOP入" localSheetId="6">[28]表紙!#REF!</definedName>
    <definedName name="LOOP入" localSheetId="7">[28]表紙!#REF!</definedName>
    <definedName name="LOOP入" localSheetId="8">[28]表紙!#REF!</definedName>
    <definedName name="LOOP入" localSheetId="2">[28]表紙!#REF!</definedName>
    <definedName name="LOOP入">[28]表紙!#REF!</definedName>
    <definedName name="LOOP抜" localSheetId="4">[28]表紙!#REF!</definedName>
    <definedName name="LOOP抜" localSheetId="5">[28]表紙!#REF!</definedName>
    <definedName name="LOOP抜" localSheetId="6">[28]表紙!#REF!</definedName>
    <definedName name="LOOP抜" localSheetId="7">[28]表紙!#REF!</definedName>
    <definedName name="LOOP抜" localSheetId="8">[28]表紙!#REF!</definedName>
    <definedName name="LOOP抜" localSheetId="2">[28]表紙!#REF!</definedName>
    <definedName name="LOOP抜">[28]表紙!#REF!</definedName>
    <definedName name="Ｍ" localSheetId="4">#REF!</definedName>
    <definedName name="Ｍ" localSheetId="5">#REF!</definedName>
    <definedName name="Ｍ" localSheetId="6">#REF!</definedName>
    <definedName name="Ｍ" localSheetId="7">#REF!</definedName>
    <definedName name="Ｍ" localSheetId="8">#REF!</definedName>
    <definedName name="M" localSheetId="9">施工条件明示一覧表!M</definedName>
    <definedName name="Ｍ" localSheetId="2">#REF!</definedName>
    <definedName name="Ｍ">#REF!</definedName>
    <definedName name="MENU" localSheetId="4">#REF!</definedName>
    <definedName name="MENU" localSheetId="5">#REF!</definedName>
    <definedName name="MENU" localSheetId="6">#REF!</definedName>
    <definedName name="MENU" localSheetId="7">#REF!</definedName>
    <definedName name="MENU" localSheetId="8">#REF!</definedName>
    <definedName name="MENU" localSheetId="9">#REF!</definedName>
    <definedName name="MENU" localSheetId="2">#REF!</definedName>
    <definedName name="MENU">#REF!</definedName>
    <definedName name="MENUA" localSheetId="4">[28]表紙!#REF!</definedName>
    <definedName name="MENUA" localSheetId="5">[28]表紙!#REF!</definedName>
    <definedName name="MENUA" localSheetId="6">[28]表紙!#REF!</definedName>
    <definedName name="MENUA" localSheetId="7">[28]表紙!#REF!</definedName>
    <definedName name="MENUA" localSheetId="8">[28]表紙!#REF!</definedName>
    <definedName name="MENUA" localSheetId="9">[28]表紙!#REF!</definedName>
    <definedName name="MENUA" localSheetId="2">[28]表紙!#REF!</definedName>
    <definedName name="MENUA">[28]表紙!#REF!</definedName>
    <definedName name="MENUB" localSheetId="4">[28]表紙!#REF!</definedName>
    <definedName name="MENUB" localSheetId="5">[28]表紙!#REF!</definedName>
    <definedName name="MENUB" localSheetId="6">[28]表紙!#REF!</definedName>
    <definedName name="MENUB" localSheetId="7">[28]表紙!#REF!</definedName>
    <definedName name="MENUB" localSheetId="8">[28]表紙!#REF!</definedName>
    <definedName name="MENUB" localSheetId="2">[28]表紙!#REF!</definedName>
    <definedName name="MENUB">[28]表紙!#REF!</definedName>
    <definedName name="MENUE" localSheetId="4">[28]表紙!#REF!</definedName>
    <definedName name="MENUE" localSheetId="5">[28]表紙!#REF!</definedName>
    <definedName name="MENUE" localSheetId="6">[28]表紙!#REF!</definedName>
    <definedName name="MENUE" localSheetId="7">[28]表紙!#REF!</definedName>
    <definedName name="MENUE" localSheetId="8">[28]表紙!#REF!</definedName>
    <definedName name="MENUE" localSheetId="2">[28]表紙!#REF!</definedName>
    <definedName name="MENUE">[28]表紙!#REF!</definedName>
    <definedName name="MENUP" localSheetId="4">[28]表紙!#REF!</definedName>
    <definedName name="MENUP" localSheetId="5">[28]表紙!#REF!</definedName>
    <definedName name="MENUP" localSheetId="6">[28]表紙!#REF!</definedName>
    <definedName name="MENUP" localSheetId="7">[28]表紙!#REF!</definedName>
    <definedName name="MENUP" localSheetId="8">[28]表紙!#REF!</definedName>
    <definedName name="MENUP" localSheetId="2">[28]表紙!#REF!</definedName>
    <definedName name="MENUP">[28]表紙!#REF!</definedName>
    <definedName name="MENUP2" localSheetId="4">[28]表紙!#REF!</definedName>
    <definedName name="MENUP2" localSheetId="5">[28]表紙!#REF!</definedName>
    <definedName name="MENUP2" localSheetId="6">[28]表紙!#REF!</definedName>
    <definedName name="MENUP2" localSheetId="7">[28]表紙!#REF!</definedName>
    <definedName name="MENUP2" localSheetId="8">[28]表紙!#REF!</definedName>
    <definedName name="MENUP2" localSheetId="2">[28]表紙!#REF!</definedName>
    <definedName name="MENUP2">[28]表紙!#REF!</definedName>
    <definedName name="MI" localSheetId="4">#REF!</definedName>
    <definedName name="MI" localSheetId="5">#REF!</definedName>
    <definedName name="MI" localSheetId="6">#REF!</definedName>
    <definedName name="MI" localSheetId="7">#REF!</definedName>
    <definedName name="MI" localSheetId="8">#REF!</definedName>
    <definedName name="MI" localSheetId="9">#REF!</definedName>
    <definedName name="MI" localSheetId="2">#REF!</definedName>
    <definedName name="MI">#REF!</definedName>
    <definedName name="ｍｊ" localSheetId="4">'[27]３ページ'!#REF!</definedName>
    <definedName name="ｍｊ" localSheetId="5">'[27]３ページ'!#REF!</definedName>
    <definedName name="ｍｊ" localSheetId="6">'[27]３ページ'!#REF!</definedName>
    <definedName name="ｍｊ" localSheetId="7">'[27]３ページ'!#REF!</definedName>
    <definedName name="ｍｊ" localSheetId="8">'[27]３ページ'!#REF!</definedName>
    <definedName name="ｍｊ" localSheetId="9">'[27]３ページ'!#REF!</definedName>
    <definedName name="ｍｊ" localSheetId="2">'[27]３ページ'!#REF!</definedName>
    <definedName name="ｍｊ">'[27]３ページ'!#REF!</definedName>
    <definedName name="mm" localSheetId="4">[40]表紙!#REF!</definedName>
    <definedName name="mm" localSheetId="5">[40]表紙!#REF!</definedName>
    <definedName name="mm" localSheetId="6">[40]表紙!#REF!</definedName>
    <definedName name="mm" localSheetId="7">[40]表紙!#REF!</definedName>
    <definedName name="mm" localSheetId="8">[40]表紙!#REF!</definedName>
    <definedName name="mm" localSheetId="2">[40]表紙!#REF!</definedName>
    <definedName name="mm">[40]表紙!#REF!</definedName>
    <definedName name="Module1.印刷" localSheetId="9">施工条件明示一覧表!Module1.印刷</definedName>
    <definedName name="Module1.印刷">[0]!Module1.印刷</definedName>
    <definedName name="MP">17902</definedName>
    <definedName name="MT">2040</definedName>
    <definedName name="n" localSheetId="4">#REF!</definedName>
    <definedName name="n" localSheetId="5">#REF!</definedName>
    <definedName name="n" localSheetId="6">#REF!</definedName>
    <definedName name="n" localSheetId="7">#REF!</definedName>
    <definedName name="n" localSheetId="8">#REF!</definedName>
    <definedName name="n" localSheetId="9">#REF!</definedName>
    <definedName name="n" localSheetId="2">#REF!</definedName>
    <definedName name="n">#REF!</definedName>
    <definedName name="NAIYOU" localSheetId="4">#REF!</definedName>
    <definedName name="NAIYOU" localSheetId="5">#REF!</definedName>
    <definedName name="NAIYOU" localSheetId="6">#REF!</definedName>
    <definedName name="NAIYOU" localSheetId="7">#REF!</definedName>
    <definedName name="NAIYOU" localSheetId="8">#REF!</definedName>
    <definedName name="NAIYOU" localSheetId="2">#REF!</definedName>
    <definedName name="NAIYOU">#REF!</definedName>
    <definedName name="NL" localSheetId="4">#REF!</definedName>
    <definedName name="NL" localSheetId="5">#REF!</definedName>
    <definedName name="NL" localSheetId="6">#REF!</definedName>
    <definedName name="NL" localSheetId="7">#REF!</definedName>
    <definedName name="NL" localSheetId="8">#REF!</definedName>
    <definedName name="NL" localSheetId="2">#REF!</definedName>
    <definedName name="NL">#REF!</definedName>
    <definedName name="NO.0_NO.9" localSheetId="4">#REF!</definedName>
    <definedName name="NO.0_NO.9" localSheetId="5">#REF!</definedName>
    <definedName name="NO.0_NO.9" localSheetId="6">#REF!</definedName>
    <definedName name="NO.0_NO.9" localSheetId="7">#REF!</definedName>
    <definedName name="NO.0_NO.9" localSheetId="8">#REF!</definedName>
    <definedName name="NO.0_NO.9" localSheetId="2">#REF!</definedName>
    <definedName name="NO.0_NO.9">#REF!</definedName>
    <definedName name="NO.105_NO.118" localSheetId="4">#REF!</definedName>
    <definedName name="NO.105_NO.118" localSheetId="5">#REF!</definedName>
    <definedName name="NO.105_NO.118" localSheetId="6">#REF!</definedName>
    <definedName name="NO.105_NO.118" localSheetId="7">#REF!</definedName>
    <definedName name="NO.105_NO.118" localSheetId="8">#REF!</definedName>
    <definedName name="NO.105_NO.118" localSheetId="2">#REF!</definedName>
    <definedName name="NO.105_NO.118">#REF!</definedName>
    <definedName name="NO.23_NO.37" localSheetId="4">#REF!</definedName>
    <definedName name="NO.23_NO.37" localSheetId="5">#REF!</definedName>
    <definedName name="NO.23_NO.37" localSheetId="6">#REF!</definedName>
    <definedName name="NO.23_NO.37" localSheetId="7">#REF!</definedName>
    <definedName name="NO.23_NO.37" localSheetId="8">#REF!</definedName>
    <definedName name="NO.23_NO.37" localSheetId="2">#REF!</definedName>
    <definedName name="NO.23_NO.37">#REF!</definedName>
    <definedName name="NO.37_NO.105" localSheetId="4">#REF!</definedName>
    <definedName name="NO.37_NO.105" localSheetId="5">#REF!</definedName>
    <definedName name="NO.37_NO.105" localSheetId="6">#REF!</definedName>
    <definedName name="NO.37_NO.105" localSheetId="7">#REF!</definedName>
    <definedName name="NO.37_NO.105" localSheetId="8">#REF!</definedName>
    <definedName name="NO.37_NO.105" localSheetId="2">#REF!</definedName>
    <definedName name="NO.37_NO.105">#REF!</definedName>
    <definedName name="NO.9_NO.23" localSheetId="4">#REF!</definedName>
    <definedName name="NO.9_NO.23" localSheetId="5">#REF!</definedName>
    <definedName name="NO.9_NO.23" localSheetId="6">#REF!</definedName>
    <definedName name="NO.9_NO.23" localSheetId="7">#REF!</definedName>
    <definedName name="NO.9_NO.23" localSheetId="8">#REF!</definedName>
    <definedName name="NO.9_NO.23" localSheetId="2">#REF!</definedName>
    <definedName name="NO.9_NO.23">#REF!</definedName>
    <definedName name="NV">'[41]代価表 '!$Z$2</definedName>
    <definedName name="O" localSheetId="4">[42]!ピクチャ5_Click</definedName>
    <definedName name="O" localSheetId="5">[42]!ピクチャ5_Click</definedName>
    <definedName name="O" localSheetId="6">[42]!ピクチャ5_Click</definedName>
    <definedName name="O" localSheetId="7">[42]!ピクチャ5_Click</definedName>
    <definedName name="O" localSheetId="8">[42]!ピクチャ5_Click</definedName>
    <definedName name="O" localSheetId="2">[42]!ピクチャ5_Click</definedName>
    <definedName name="O">[42]!ピクチャ5_Click</definedName>
    <definedName name="P" localSheetId="4">#REF!</definedName>
    <definedName name="P" localSheetId="5">#REF!</definedName>
    <definedName name="P" localSheetId="6">#REF!</definedName>
    <definedName name="P" localSheetId="7">#REF!</definedName>
    <definedName name="P" localSheetId="8">#REF!</definedName>
    <definedName name="P" localSheetId="9">#REF!</definedName>
    <definedName name="P" localSheetId="2">#REF!</definedName>
    <definedName name="P">#REF!</definedName>
    <definedName name="Ｐ_11" localSheetId="4">#REF!</definedName>
    <definedName name="Ｐ_11" localSheetId="5">#REF!</definedName>
    <definedName name="Ｐ_11" localSheetId="6">#REF!</definedName>
    <definedName name="Ｐ_11" localSheetId="7">#REF!</definedName>
    <definedName name="Ｐ_11" localSheetId="8">#REF!</definedName>
    <definedName name="Ｐ_11" localSheetId="2">#REF!</definedName>
    <definedName name="Ｐ_11">#REF!</definedName>
    <definedName name="Ｐ_12" localSheetId="4">#REF!</definedName>
    <definedName name="Ｐ_12" localSheetId="5">#REF!</definedName>
    <definedName name="Ｐ_12" localSheetId="6">#REF!</definedName>
    <definedName name="Ｐ_12" localSheetId="7">#REF!</definedName>
    <definedName name="Ｐ_12" localSheetId="8">#REF!</definedName>
    <definedName name="Ｐ_12" localSheetId="2">#REF!</definedName>
    <definedName name="Ｐ_12">#REF!</definedName>
    <definedName name="Ｐ_13" localSheetId="4">#REF!</definedName>
    <definedName name="Ｐ_13" localSheetId="5">#REF!</definedName>
    <definedName name="Ｐ_13" localSheetId="6">#REF!</definedName>
    <definedName name="Ｐ_13" localSheetId="7">#REF!</definedName>
    <definedName name="Ｐ_13" localSheetId="8">#REF!</definedName>
    <definedName name="Ｐ_13" localSheetId="2">#REF!</definedName>
    <definedName name="Ｐ_13">#REF!</definedName>
    <definedName name="Ｐ_14" localSheetId="4">#REF!</definedName>
    <definedName name="Ｐ_14" localSheetId="5">#REF!</definedName>
    <definedName name="Ｐ_14" localSheetId="6">#REF!</definedName>
    <definedName name="Ｐ_14" localSheetId="7">#REF!</definedName>
    <definedName name="Ｐ_14" localSheetId="8">#REF!</definedName>
    <definedName name="Ｐ_14" localSheetId="2">#REF!</definedName>
    <definedName name="Ｐ_14">#REF!</definedName>
    <definedName name="Ｐ_15" localSheetId="4">#REF!</definedName>
    <definedName name="Ｐ_15" localSheetId="5">#REF!</definedName>
    <definedName name="Ｐ_15" localSheetId="6">#REF!</definedName>
    <definedName name="Ｐ_15" localSheetId="7">#REF!</definedName>
    <definedName name="Ｐ_15" localSheetId="8">#REF!</definedName>
    <definedName name="Ｐ_15" localSheetId="2">#REF!</definedName>
    <definedName name="Ｐ_15">#REF!</definedName>
    <definedName name="PAC費" localSheetId="4">#REF!</definedName>
    <definedName name="PAC費" localSheetId="5">#REF!</definedName>
    <definedName name="PAC費" localSheetId="6">#REF!</definedName>
    <definedName name="PAC費" localSheetId="7">#REF!</definedName>
    <definedName name="PAC費" localSheetId="8">#REF!</definedName>
    <definedName name="PAC費" localSheetId="2">#REF!</definedName>
    <definedName name="PAC費">#REF!</definedName>
    <definedName name="PBOX200" localSheetId="4">[29]ｹｰﾌﾞﾙ計!#REF!</definedName>
    <definedName name="PBOX200" localSheetId="5">[29]ｹｰﾌﾞﾙ計!#REF!</definedName>
    <definedName name="PBOX200" localSheetId="6">[29]ｹｰﾌﾞﾙ計!#REF!</definedName>
    <definedName name="PBOX200" localSheetId="7">[29]ｹｰﾌﾞﾙ計!#REF!</definedName>
    <definedName name="PBOX200" localSheetId="8">[29]ｹｰﾌﾞﾙ計!#REF!</definedName>
    <definedName name="PBOX200" localSheetId="9">[30]ｹｰﾌﾞﾙ計!#REF!</definedName>
    <definedName name="PBOX200" localSheetId="2">[29]ｹｰﾌﾞﾙ計!#REF!</definedName>
    <definedName name="PBOX200">[29]ｹｰﾌﾞﾙ計!#REF!</definedName>
    <definedName name="PE管28" localSheetId="4">[29]ｹｰﾌﾞﾙ計!#REF!</definedName>
    <definedName name="PE管28" localSheetId="5">[29]ｹｰﾌﾞﾙ計!#REF!</definedName>
    <definedName name="PE管28" localSheetId="6">[29]ｹｰﾌﾞﾙ計!#REF!</definedName>
    <definedName name="PE管28" localSheetId="7">[29]ｹｰﾌﾞﾙ計!#REF!</definedName>
    <definedName name="PE管28" localSheetId="8">[29]ｹｰﾌﾞﾙ計!#REF!</definedName>
    <definedName name="PE管28" localSheetId="9">[30]ｹｰﾌﾞﾙ計!#REF!</definedName>
    <definedName name="PE管28" localSheetId="2">[29]ｹｰﾌﾞﾙ計!#REF!</definedName>
    <definedName name="PE管28">[29]ｹｰﾌﾞﾙ計!#REF!</definedName>
    <definedName name="PE管42" localSheetId="4">[29]ｹｰﾌﾞﾙ計!#REF!</definedName>
    <definedName name="PE管42" localSheetId="5">[29]ｹｰﾌﾞﾙ計!#REF!</definedName>
    <definedName name="PE管42" localSheetId="6">[29]ｹｰﾌﾞﾙ計!#REF!</definedName>
    <definedName name="PE管42" localSheetId="7">[29]ｹｰﾌﾞﾙ計!#REF!</definedName>
    <definedName name="PE管42" localSheetId="8">[29]ｹｰﾌﾞﾙ計!#REF!</definedName>
    <definedName name="PE管42" localSheetId="9">[30]ｹｰﾌﾞﾙ計!#REF!</definedName>
    <definedName name="PE管42" localSheetId="2">[29]ｹｰﾌﾞﾙ計!#REF!</definedName>
    <definedName name="PE管42">[29]ｹｰﾌﾞﾙ計!#REF!</definedName>
    <definedName name="PMI" localSheetId="4">#REF!</definedName>
    <definedName name="PMI" localSheetId="5">#REF!</definedName>
    <definedName name="PMI" localSheetId="6">#REF!</definedName>
    <definedName name="PMI" localSheetId="7">#REF!</definedName>
    <definedName name="PMI" localSheetId="8">#REF!</definedName>
    <definedName name="PMI" localSheetId="9">#REF!</definedName>
    <definedName name="PMI" localSheetId="2">#REF!</definedName>
    <definedName name="PMI">#REF!</definedName>
    <definedName name="po" localSheetId="4">#REF!</definedName>
    <definedName name="po" localSheetId="5">#REF!</definedName>
    <definedName name="po" localSheetId="6">#REF!</definedName>
    <definedName name="po" localSheetId="7">#REF!</definedName>
    <definedName name="po" localSheetId="8">#REF!</definedName>
    <definedName name="po" localSheetId="2">#REF!</definedName>
    <definedName name="po">#REF!</definedName>
    <definedName name="PP">0.8</definedName>
    <definedName name="PR_KBN" localSheetId="4">#REF!</definedName>
    <definedName name="PR_KBN" localSheetId="5">#REF!</definedName>
    <definedName name="PR_KBN" localSheetId="6">#REF!</definedName>
    <definedName name="PR_KBN" localSheetId="7">#REF!</definedName>
    <definedName name="PR_KBN" localSheetId="8">#REF!</definedName>
    <definedName name="PR_KBN" localSheetId="0">#REF!</definedName>
    <definedName name="PR_KBN" localSheetId="2">#REF!</definedName>
    <definedName name="PR_KBN">#REF!</definedName>
    <definedName name="PR_MSG" localSheetId="4">#REF!</definedName>
    <definedName name="PR_MSG" localSheetId="5">#REF!</definedName>
    <definedName name="PR_MSG" localSheetId="6">#REF!</definedName>
    <definedName name="PR_MSG" localSheetId="7">#REF!</definedName>
    <definedName name="PR_MSG" localSheetId="8">#REF!</definedName>
    <definedName name="PR_MSG" localSheetId="0">#REF!</definedName>
    <definedName name="PR_MSG" localSheetId="2">#REF!</definedName>
    <definedName name="PR_MSG">#REF!</definedName>
    <definedName name="PRI" localSheetId="4">#REF!</definedName>
    <definedName name="PRI" localSheetId="5">#REF!</definedName>
    <definedName name="PRI" localSheetId="6">#REF!</definedName>
    <definedName name="PRI" localSheetId="7">#REF!</definedName>
    <definedName name="PRI" localSheetId="8">#REF!</definedName>
    <definedName name="PRI" localSheetId="2">#REF!</definedName>
    <definedName name="PRI">#REF!</definedName>
    <definedName name="PRINT" localSheetId="4">#REF!</definedName>
    <definedName name="PRINT" localSheetId="5">#REF!</definedName>
    <definedName name="PRINT" localSheetId="6">#REF!</definedName>
    <definedName name="PRINT" localSheetId="7">#REF!</definedName>
    <definedName name="PRINT" localSheetId="8">#REF!</definedName>
    <definedName name="PRINT" localSheetId="2">#REF!</definedName>
    <definedName name="PRINT">#REF!</definedName>
    <definedName name="_xlnm.Print_Area" localSheetId="3">'A号 水沢明細書'!$A$1:$I$162</definedName>
    <definedName name="_xlnm.Print_Area" localSheetId="4">'B号 水沢谷町明細書'!$A$1:$I$162</definedName>
    <definedName name="_xlnm.Print_Area" localSheetId="5">'C号 高岡明細書'!$A$1:$I$162</definedName>
    <definedName name="_xlnm.Print_Area" localSheetId="6">'D号 笹川団地明細書'!$A$1:$I$162</definedName>
    <definedName name="_xlnm.Print_Area" localSheetId="7">'E号 羽津山明細書'!$A$1:$I$162</definedName>
    <definedName name="_xlnm.Print_Area" localSheetId="8">'F号 水源管理センター明細書'!$A$1:$I$81</definedName>
    <definedName name="_xlnm.Print_Area" localSheetId="1">工事費内訳書!$A$1:$L$49</definedName>
    <definedName name="_xlnm.Print_Area" localSheetId="9">#REF!</definedName>
    <definedName name="_xlnm.Print_Area" localSheetId="0">設計書表紙!$A$1:$AR$33</definedName>
    <definedName name="_xlnm.Print_Area" localSheetId="2">内訳書!$A$1:$I$162</definedName>
    <definedName name="_xlnm.Print_Area">#REF!</definedName>
    <definedName name="PRINT_AREA_MI" localSheetId="4">[43]内訳書１!#REF!</definedName>
    <definedName name="PRINT_AREA_MI" localSheetId="5">[43]内訳書１!#REF!</definedName>
    <definedName name="PRINT_AREA_MI" localSheetId="6">[43]内訳書１!#REF!</definedName>
    <definedName name="PRINT_AREA_MI" localSheetId="7">[43]内訳書１!#REF!</definedName>
    <definedName name="PRINT_AREA_MI" localSheetId="8">[43]内訳書１!#REF!</definedName>
    <definedName name="PRINT_AREA_MI" localSheetId="9">[44]内訳書１!#REF!</definedName>
    <definedName name="PRINT_AREA_MI" localSheetId="2">[43]内訳書１!#REF!</definedName>
    <definedName name="PRINT_AREA_MI">[43]内訳書１!#REF!</definedName>
    <definedName name="Print_Area１" localSheetId="4">#REF!</definedName>
    <definedName name="Print_Area１" localSheetId="5">#REF!</definedName>
    <definedName name="Print_Area１" localSheetId="6">#REF!</definedName>
    <definedName name="Print_Area１" localSheetId="7">#REF!</definedName>
    <definedName name="Print_Area１" localSheetId="8">#REF!</definedName>
    <definedName name="Print_Area１" localSheetId="9">#REF!</definedName>
    <definedName name="Print_Area１" localSheetId="2">#REF!</definedName>
    <definedName name="Print_Area１">#REF!</definedName>
    <definedName name="Print_Area２" localSheetId="4">[45]消火栓材料表!#REF!</definedName>
    <definedName name="Print_Area２" localSheetId="5">[45]消火栓材料表!#REF!</definedName>
    <definedName name="Print_Area２" localSheetId="6">[45]消火栓材料表!#REF!</definedName>
    <definedName name="Print_Area２" localSheetId="7">[45]消火栓材料表!#REF!</definedName>
    <definedName name="Print_Area２" localSheetId="8">[45]消火栓材料表!#REF!</definedName>
    <definedName name="Print_Area２" localSheetId="9">[45]消火栓材料表!#REF!</definedName>
    <definedName name="Print_Area２" localSheetId="2">[45]消火栓材料表!#REF!</definedName>
    <definedName name="Print_Area２">[45]消火栓材料表!#REF!</definedName>
    <definedName name="Print_Area3" localSheetId="4">#REF!</definedName>
    <definedName name="Print_Area3" localSheetId="5">#REF!</definedName>
    <definedName name="Print_Area3" localSheetId="6">#REF!</definedName>
    <definedName name="Print_Area3" localSheetId="7">#REF!</definedName>
    <definedName name="Print_Area3" localSheetId="8">#REF!</definedName>
    <definedName name="Print_Area3" localSheetId="9">#REF!</definedName>
    <definedName name="Print_Area3" localSheetId="2">#REF!</definedName>
    <definedName name="Print_Area3">#REF!</definedName>
    <definedName name="Print_Area4" localSheetId="4">#REF!</definedName>
    <definedName name="Print_Area4" localSheetId="5">#REF!</definedName>
    <definedName name="Print_Area4" localSheetId="6">#REF!</definedName>
    <definedName name="Print_Area4" localSheetId="7">#REF!</definedName>
    <definedName name="Print_Area4" localSheetId="8">#REF!</definedName>
    <definedName name="Print_Area4" localSheetId="2">#REF!</definedName>
    <definedName name="Print_Area4">#REF!</definedName>
    <definedName name="Print_Area5" localSheetId="4">#REF!</definedName>
    <definedName name="Print_Area5" localSheetId="5">#REF!</definedName>
    <definedName name="Print_Area5" localSheetId="6">#REF!</definedName>
    <definedName name="Print_Area5" localSheetId="7">#REF!</definedName>
    <definedName name="Print_Area5" localSheetId="8">#REF!</definedName>
    <definedName name="Print_Area5" localSheetId="2">#REF!</definedName>
    <definedName name="Print_Area5">#REF!</definedName>
    <definedName name="_xlnm.Print_Titles" localSheetId="4">#REF!</definedName>
    <definedName name="_xlnm.Print_Titles" localSheetId="5">#REF!</definedName>
    <definedName name="_xlnm.Print_Titles" localSheetId="6">#REF!</definedName>
    <definedName name="_xlnm.Print_Titles" localSheetId="7">#REF!</definedName>
    <definedName name="_xlnm.Print_Titles" localSheetId="8">#REF!</definedName>
    <definedName name="_xlnm.Print_Titles" localSheetId="9">#REF!</definedName>
    <definedName name="_xlnm.Print_Titles" localSheetId="2">#REF!</definedName>
    <definedName name="_xlnm.Print_Titles">#REF!</definedName>
    <definedName name="PRINT_TITLES_MI" localSheetId="4">#REF!</definedName>
    <definedName name="PRINT_TITLES_MI" localSheetId="5">#REF!</definedName>
    <definedName name="PRINT_TITLES_MI" localSheetId="6">#REF!</definedName>
    <definedName name="PRINT_TITLES_MI" localSheetId="7">#REF!</definedName>
    <definedName name="PRINT_TITLES_MI" localSheetId="8">#REF!</definedName>
    <definedName name="PRINT_TITLES_MI" localSheetId="2">#REF!</definedName>
    <definedName name="PRINT_TITLES_MI">#REF!</definedName>
    <definedName name="prn" localSheetId="4">#REF!</definedName>
    <definedName name="prn" localSheetId="5">#REF!</definedName>
    <definedName name="prn" localSheetId="6">#REF!</definedName>
    <definedName name="prn" localSheetId="7">#REF!</definedName>
    <definedName name="prn" localSheetId="8">#REF!</definedName>
    <definedName name="prn" localSheetId="0">#REF!</definedName>
    <definedName name="prn" localSheetId="2">#REF!</definedName>
    <definedName name="prn">#REF!</definedName>
    <definedName name="PT_11" localSheetId="4">#REF!</definedName>
    <definedName name="PT_11" localSheetId="5">#REF!</definedName>
    <definedName name="PT_11" localSheetId="6">#REF!</definedName>
    <definedName name="PT_11" localSheetId="7">#REF!</definedName>
    <definedName name="PT_11" localSheetId="8">#REF!</definedName>
    <definedName name="PT_11" localSheetId="2">#REF!</definedName>
    <definedName name="PT_11">#REF!</definedName>
    <definedName name="PT_12" localSheetId="4">#REF!</definedName>
    <definedName name="PT_12" localSheetId="5">#REF!</definedName>
    <definedName name="PT_12" localSheetId="6">#REF!</definedName>
    <definedName name="PT_12" localSheetId="7">#REF!</definedName>
    <definedName name="PT_12" localSheetId="8">#REF!</definedName>
    <definedName name="PT_12" localSheetId="2">#REF!</definedName>
    <definedName name="PT_12">#REF!</definedName>
    <definedName name="PT_13" localSheetId="4">#REF!</definedName>
    <definedName name="PT_13" localSheetId="5">#REF!</definedName>
    <definedName name="PT_13" localSheetId="6">#REF!</definedName>
    <definedName name="PT_13" localSheetId="7">#REF!</definedName>
    <definedName name="PT_13" localSheetId="8">#REF!</definedName>
    <definedName name="PT_13" localSheetId="2">#REF!</definedName>
    <definedName name="PT_13">#REF!</definedName>
    <definedName name="PT_14" localSheetId="4">#REF!</definedName>
    <definedName name="PT_14" localSheetId="5">#REF!</definedName>
    <definedName name="PT_14" localSheetId="6">#REF!</definedName>
    <definedName name="PT_14" localSheetId="7">#REF!</definedName>
    <definedName name="PT_14" localSheetId="8">#REF!</definedName>
    <definedName name="PT_14" localSheetId="2">#REF!</definedName>
    <definedName name="PT_14">#REF!</definedName>
    <definedName name="PT_15" localSheetId="4">#REF!</definedName>
    <definedName name="PT_15" localSheetId="5">#REF!</definedName>
    <definedName name="PT_15" localSheetId="6">#REF!</definedName>
    <definedName name="PT_15" localSheetId="7">#REF!</definedName>
    <definedName name="PT_15" localSheetId="8">#REF!</definedName>
    <definedName name="PT_15" localSheetId="2">#REF!</definedName>
    <definedName name="PT_15">#REF!</definedName>
    <definedName name="PT_16" localSheetId="4">#REF!</definedName>
    <definedName name="PT_16" localSheetId="5">#REF!</definedName>
    <definedName name="PT_16" localSheetId="6">#REF!</definedName>
    <definedName name="PT_16" localSheetId="7">#REF!</definedName>
    <definedName name="PT_16" localSheetId="8">#REF!</definedName>
    <definedName name="PT_16" localSheetId="2">#REF!</definedName>
    <definedName name="PT_16">#REF!</definedName>
    <definedName name="Q" localSheetId="4">#REF!</definedName>
    <definedName name="Q" localSheetId="5">#REF!</definedName>
    <definedName name="Q" localSheetId="6">#REF!</definedName>
    <definedName name="Q" localSheetId="7">#REF!</definedName>
    <definedName name="Q" localSheetId="8">#REF!</definedName>
    <definedName name="Q" localSheetId="2">#REF!</definedName>
    <definedName name="Q">#REF!</definedName>
    <definedName name="QD" localSheetId="4">#REF!</definedName>
    <definedName name="QD" localSheetId="5">#REF!</definedName>
    <definedName name="QD" localSheetId="6">#REF!</definedName>
    <definedName name="QD" localSheetId="7">#REF!</definedName>
    <definedName name="QD" localSheetId="8">#REF!</definedName>
    <definedName name="QD" localSheetId="2">#REF!</definedName>
    <definedName name="QD">#REF!</definedName>
    <definedName name="QH" localSheetId="4">#REF!</definedName>
    <definedName name="QH" localSheetId="5">#REF!</definedName>
    <definedName name="QH" localSheetId="6">#REF!</definedName>
    <definedName name="QH" localSheetId="7">#REF!</definedName>
    <definedName name="QH" localSheetId="8">#REF!</definedName>
    <definedName name="QH" localSheetId="2">#REF!</definedName>
    <definedName name="QH">#REF!</definedName>
    <definedName name="ｑｑ">'[27]３ページ'!$L$17</definedName>
    <definedName name="ｑｑｑｑｑ" localSheetId="4">[46]!Dialog3_ボタン2_Click</definedName>
    <definedName name="ｑｑｑｑｑ" localSheetId="5">[46]!Dialog3_ボタン2_Click</definedName>
    <definedName name="ｑｑｑｑｑ" localSheetId="6">[46]!Dialog3_ボタン2_Click</definedName>
    <definedName name="ｑｑｑｑｑ" localSheetId="7">[46]!Dialog3_ボタン2_Click</definedName>
    <definedName name="ｑｑｑｑｑ" localSheetId="8">[46]!Dialog3_ボタン2_Click</definedName>
    <definedName name="ｑｑｑｑｑ" localSheetId="9" hidden="1">{"設定1",#N/A,FALSE,"第5号-1";"設定2",#N/A,FALSE,"第5号-1"}</definedName>
    <definedName name="ｑｑｑｑｑ" localSheetId="2">[46]!Dialog3_ボタン2_Click</definedName>
    <definedName name="ｑｑｑｑｑ">[46]!Dialog3_ボタン2_Click</definedName>
    <definedName name="ｑｔ" localSheetId="4">'[47]２ページ'!#REF!</definedName>
    <definedName name="ｑｔ" localSheetId="5">'[47]２ページ'!#REF!</definedName>
    <definedName name="ｑｔ" localSheetId="6">'[47]２ページ'!#REF!</definedName>
    <definedName name="ｑｔ" localSheetId="7">'[47]２ページ'!#REF!</definedName>
    <definedName name="ｑｔ" localSheetId="8">'[47]２ページ'!#REF!</definedName>
    <definedName name="ｑｔ" localSheetId="2">'[47]２ページ'!#REF!</definedName>
    <definedName name="ｑｔ">'[47]２ページ'!#REF!</definedName>
    <definedName name="ｑｗ" localSheetId="9" hidden="1">{"設定1",#N/A,FALSE,"第5号-1";"設定2",#N/A,FALSE,"第5号-1"}</definedName>
    <definedName name="ｑｗ" hidden="1">{"設定1",#N/A,FALSE,"第5号-1";"設定2",#N/A,FALSE,"第5号-1"}</definedName>
    <definedName name="qwe" localSheetId="9">施工条件明示一覧表!qwe</definedName>
    <definedName name="qwe" localSheetId="0">設計書表紙!qwe</definedName>
    <definedName name="qwe">[0]!qwe</definedName>
    <definedName name="qwu" localSheetId="9" hidden="1">{"設定1",#N/A,FALSE,"第5号-1";"設定2",#N/A,FALSE,"第5号-1"}</definedName>
    <definedName name="qwu" localSheetId="0" hidden="1">{"設定1",#N/A,FALSE,"第5号-1";"設定2",#N/A,FALSE,"第5号-1"}</definedName>
    <definedName name="qwu" hidden="1">{"設定1",#N/A,FALSE,"第5号-1";"設定2",#N/A,FALSE,"第5号-1"}</definedName>
    <definedName name="qwu_1" localSheetId="9" hidden="1">{"設定1",#N/A,FALSE,"第5号-1";"設定2",#N/A,FALSE,"第5号-1"}</definedName>
    <definedName name="qwu_1" localSheetId="0" hidden="1">{"設定1",#N/A,FALSE,"第5号-1";"設定2",#N/A,FALSE,"第5号-1"}</definedName>
    <definedName name="qwu_1" hidden="1">{"設定1",#N/A,FALSE,"第5号-1";"設定2",#N/A,FALSE,"第5号-1"}</definedName>
    <definedName name="ｑｙ" localSheetId="4">'[47]２ページ'!#REF!</definedName>
    <definedName name="ｑｙ" localSheetId="5">'[47]２ページ'!#REF!</definedName>
    <definedName name="ｑｙ" localSheetId="6">'[47]２ページ'!#REF!</definedName>
    <definedName name="ｑｙ" localSheetId="7">'[47]２ページ'!#REF!</definedName>
    <definedName name="ｑｙ" localSheetId="8">'[47]２ページ'!#REF!</definedName>
    <definedName name="ｑｙ" localSheetId="2">'[47]２ページ'!#REF!</definedName>
    <definedName name="ｑｙ">'[47]２ページ'!#REF!</definedName>
    <definedName name="R_ガラス工" localSheetId="4">#REF!</definedName>
    <definedName name="R_ガラス工" localSheetId="5">#REF!</definedName>
    <definedName name="R_ガラス工" localSheetId="6">#REF!</definedName>
    <definedName name="R_ガラス工" localSheetId="7">#REF!</definedName>
    <definedName name="R_ガラス工" localSheetId="8">#REF!</definedName>
    <definedName name="R_ガラス工" localSheetId="9">#REF!</definedName>
    <definedName name="R_ガラス工" localSheetId="2">#REF!</definedName>
    <definedName name="R_ガラス工">#REF!</definedName>
    <definedName name="R_サッシ工" localSheetId="4">#REF!</definedName>
    <definedName name="R_サッシ工" localSheetId="5">#REF!</definedName>
    <definedName name="R_サッシ工" localSheetId="6">#REF!</definedName>
    <definedName name="R_サッシ工" localSheetId="7">#REF!</definedName>
    <definedName name="R_サッシ工" localSheetId="8">#REF!</definedName>
    <definedName name="R_サッシ工" localSheetId="2">#REF!</definedName>
    <definedName name="R_サッシ工">#REF!</definedName>
    <definedName name="R_タイル工" localSheetId="4">#REF!</definedName>
    <definedName name="R_タイル工" localSheetId="5">#REF!</definedName>
    <definedName name="R_タイル工" localSheetId="6">#REF!</definedName>
    <definedName name="R_タイル工" localSheetId="7">#REF!</definedName>
    <definedName name="R_タイル工" localSheetId="8">#REF!</definedName>
    <definedName name="R_タイル工" localSheetId="2">#REF!</definedName>
    <definedName name="R_タイル工">#REF!</definedName>
    <definedName name="R_ダクト工" localSheetId="4">#REF!</definedName>
    <definedName name="R_ダクト工" localSheetId="5">#REF!</definedName>
    <definedName name="R_ダクト工" localSheetId="6">#REF!</definedName>
    <definedName name="R_ダクト工" localSheetId="7">#REF!</definedName>
    <definedName name="R_ダクト工" localSheetId="8">#REF!</definedName>
    <definedName name="R_ダクト工" localSheetId="2">#REF!</definedName>
    <definedName name="R_ダクト工">#REF!</definedName>
    <definedName name="R_とび工" localSheetId="4">#REF!</definedName>
    <definedName name="R_とび工" localSheetId="5">#REF!</definedName>
    <definedName name="R_とび工" localSheetId="6">#REF!</definedName>
    <definedName name="R_とび工" localSheetId="7">#REF!</definedName>
    <definedName name="R_とび工" localSheetId="8">#REF!</definedName>
    <definedName name="R_とび工" localSheetId="2">#REF!</definedName>
    <definedName name="R_とび工">#REF!</definedName>
    <definedName name="R_はつり工" localSheetId="4">#REF!</definedName>
    <definedName name="R_はつり工" localSheetId="5">#REF!</definedName>
    <definedName name="R_はつり工" localSheetId="6">#REF!</definedName>
    <definedName name="R_はつり工" localSheetId="7">#REF!</definedName>
    <definedName name="R_はつり工" localSheetId="8">#REF!</definedName>
    <definedName name="R_はつり工" localSheetId="2">#REF!</definedName>
    <definedName name="R_はつり工">#REF!</definedName>
    <definedName name="R_ブロック工" localSheetId="4">#REF!</definedName>
    <definedName name="R_ブロック工" localSheetId="5">#REF!</definedName>
    <definedName name="R_ブロック工" localSheetId="6">#REF!</definedName>
    <definedName name="R_ブロック工" localSheetId="7">#REF!</definedName>
    <definedName name="R_ブロック工" localSheetId="8">#REF!</definedName>
    <definedName name="R_ブロック工" localSheetId="2">#REF!</definedName>
    <definedName name="R_ブロック工">#REF!</definedName>
    <definedName name="R_運転手_一般_" localSheetId="4">#REF!</definedName>
    <definedName name="R_運転手_一般_" localSheetId="5">#REF!</definedName>
    <definedName name="R_運転手_一般_" localSheetId="6">#REF!</definedName>
    <definedName name="R_運転手_一般_" localSheetId="7">#REF!</definedName>
    <definedName name="R_運転手_一般_" localSheetId="8">#REF!</definedName>
    <definedName name="R_運転手_一般_" localSheetId="2">#REF!</definedName>
    <definedName name="R_運転手_一般_">#REF!</definedName>
    <definedName name="R_運転手_特殊_" localSheetId="4">#REF!</definedName>
    <definedName name="R_運転手_特殊_" localSheetId="5">#REF!</definedName>
    <definedName name="R_運転手_特殊_" localSheetId="6">#REF!</definedName>
    <definedName name="R_運転手_特殊_" localSheetId="7">#REF!</definedName>
    <definedName name="R_運転手_特殊_" localSheetId="8">#REF!</definedName>
    <definedName name="R_運転手_特殊_" localSheetId="2">#REF!</definedName>
    <definedName name="R_運転手_特殊_">#REF!</definedName>
    <definedName name="R_屋根ふき工" localSheetId="4">#REF!</definedName>
    <definedName name="R_屋根ふき工" localSheetId="5">#REF!</definedName>
    <definedName name="R_屋根ふき工" localSheetId="6">#REF!</definedName>
    <definedName name="R_屋根ふき工" localSheetId="7">#REF!</definedName>
    <definedName name="R_屋根ふき工" localSheetId="8">#REF!</definedName>
    <definedName name="R_屋根ふき工" localSheetId="2">#REF!</definedName>
    <definedName name="R_屋根ふき工">#REF!</definedName>
    <definedName name="R_型枠工" localSheetId="4">#REF!</definedName>
    <definedName name="R_型枠工" localSheetId="5">#REF!</definedName>
    <definedName name="R_型枠工" localSheetId="6">#REF!</definedName>
    <definedName name="R_型枠工" localSheetId="7">#REF!</definedName>
    <definedName name="R_型枠工" localSheetId="8">#REF!</definedName>
    <definedName name="R_型枠工" localSheetId="2">#REF!</definedName>
    <definedName name="R_型枠工">#REF!</definedName>
    <definedName name="R_軽作業員" localSheetId="4">#REF!</definedName>
    <definedName name="R_軽作業員" localSheetId="5">#REF!</definedName>
    <definedName name="R_軽作業員" localSheetId="6">#REF!</definedName>
    <definedName name="R_軽作業員" localSheetId="7">#REF!</definedName>
    <definedName name="R_軽作業員" localSheetId="8">#REF!</definedName>
    <definedName name="R_軽作業員" localSheetId="2">#REF!</definedName>
    <definedName name="R_軽作業員">#REF!</definedName>
    <definedName name="R_建具工" localSheetId="4">#REF!</definedName>
    <definedName name="R_建具工" localSheetId="5">#REF!</definedName>
    <definedName name="R_建具工" localSheetId="6">#REF!</definedName>
    <definedName name="R_建具工" localSheetId="7">#REF!</definedName>
    <definedName name="R_建具工" localSheetId="8">#REF!</definedName>
    <definedName name="R_建具工" localSheetId="2">#REF!</definedName>
    <definedName name="R_建具工">#REF!</definedName>
    <definedName name="R_建築ブロック" localSheetId="4">#REF!</definedName>
    <definedName name="R_建築ブロック" localSheetId="5">#REF!</definedName>
    <definedName name="R_建築ブロック" localSheetId="6">#REF!</definedName>
    <definedName name="R_建築ブロック" localSheetId="7">#REF!</definedName>
    <definedName name="R_建築ブロック" localSheetId="8">#REF!</definedName>
    <definedName name="R_建築ブロック" localSheetId="2">#REF!</definedName>
    <definedName name="R_建築ブロック">#REF!</definedName>
    <definedName name="R_工場派遣作業" localSheetId="4">#REF!</definedName>
    <definedName name="R_工場派遣作業" localSheetId="5">#REF!</definedName>
    <definedName name="R_工場派遣作業" localSheetId="6">#REF!</definedName>
    <definedName name="R_工場派遣作業" localSheetId="7">#REF!</definedName>
    <definedName name="R_工場派遣作業" localSheetId="8">#REF!</definedName>
    <definedName name="R_工場派遣作業" localSheetId="2">#REF!</definedName>
    <definedName name="R_工場派遣作業">#REF!</definedName>
    <definedName name="R_左官" localSheetId="4">#REF!</definedName>
    <definedName name="R_左官" localSheetId="5">#REF!</definedName>
    <definedName name="R_左官" localSheetId="6">#REF!</definedName>
    <definedName name="R_左官" localSheetId="7">#REF!</definedName>
    <definedName name="R_左官" localSheetId="8">#REF!</definedName>
    <definedName name="R_左官" localSheetId="2">#REF!</definedName>
    <definedName name="R_左官">#REF!</definedName>
    <definedName name="R_石工" localSheetId="4">#REF!</definedName>
    <definedName name="R_石工" localSheetId="5">#REF!</definedName>
    <definedName name="R_石工" localSheetId="6">#REF!</definedName>
    <definedName name="R_石工" localSheetId="7">#REF!</definedName>
    <definedName name="R_石工" localSheetId="8">#REF!</definedName>
    <definedName name="R_石工" localSheetId="2">#REF!</definedName>
    <definedName name="R_石工">#REF!</definedName>
    <definedName name="R_設備機械工" localSheetId="4">#REF!</definedName>
    <definedName name="R_設備機械工" localSheetId="5">#REF!</definedName>
    <definedName name="R_設備機械工" localSheetId="6">#REF!</definedName>
    <definedName name="R_設備機械工" localSheetId="7">#REF!</definedName>
    <definedName name="R_設備機械工" localSheetId="8">#REF!</definedName>
    <definedName name="R_設備機械工" localSheetId="2">#REF!</definedName>
    <definedName name="R_設備機械工">#REF!</definedName>
    <definedName name="R_造園工" localSheetId="4">#REF!</definedName>
    <definedName name="R_造園工" localSheetId="5">#REF!</definedName>
    <definedName name="R_造園工" localSheetId="6">#REF!</definedName>
    <definedName name="R_造園工" localSheetId="7">#REF!</definedName>
    <definedName name="R_造園工" localSheetId="8">#REF!</definedName>
    <definedName name="R_造園工" localSheetId="2">#REF!</definedName>
    <definedName name="R_造園工">#REF!</definedName>
    <definedName name="R_大工" localSheetId="4">#REF!</definedName>
    <definedName name="R_大工" localSheetId="5">#REF!</definedName>
    <definedName name="R_大工" localSheetId="6">#REF!</definedName>
    <definedName name="R_大工" localSheetId="7">#REF!</definedName>
    <definedName name="R_大工" localSheetId="8">#REF!</definedName>
    <definedName name="R_大工" localSheetId="2">#REF!</definedName>
    <definedName name="R_大工">#REF!</definedName>
    <definedName name="R_鉄筋工" localSheetId="4">#REF!</definedName>
    <definedName name="R_鉄筋工" localSheetId="5">#REF!</definedName>
    <definedName name="R_鉄筋工" localSheetId="6">#REF!</definedName>
    <definedName name="R_鉄筋工" localSheetId="7">#REF!</definedName>
    <definedName name="R_鉄筋工" localSheetId="8">#REF!</definedName>
    <definedName name="R_鉄筋工" localSheetId="2">#REF!</definedName>
    <definedName name="R_鉄筋工">#REF!</definedName>
    <definedName name="R_鉄骨工" localSheetId="4">#REF!</definedName>
    <definedName name="R_鉄骨工" localSheetId="5">#REF!</definedName>
    <definedName name="R_鉄骨工" localSheetId="6">#REF!</definedName>
    <definedName name="R_鉄骨工" localSheetId="7">#REF!</definedName>
    <definedName name="R_鉄骨工" localSheetId="8">#REF!</definedName>
    <definedName name="R_鉄骨工" localSheetId="2">#REF!</definedName>
    <definedName name="R_鉄骨工">#REF!</definedName>
    <definedName name="R_電工" localSheetId="4">#REF!</definedName>
    <definedName name="R_電工" localSheetId="5">#REF!</definedName>
    <definedName name="R_電工" localSheetId="6">#REF!</definedName>
    <definedName name="R_電工" localSheetId="7">#REF!</definedName>
    <definedName name="R_電工" localSheetId="8">#REF!</definedName>
    <definedName name="R_電工" localSheetId="2">#REF!</definedName>
    <definedName name="R_電工">#REF!</definedName>
    <definedName name="R_塗装工" localSheetId="4">#REF!</definedName>
    <definedName name="R_塗装工" localSheetId="5">#REF!</definedName>
    <definedName name="R_塗装工" localSheetId="6">#REF!</definedName>
    <definedName name="R_塗装工" localSheetId="7">#REF!</definedName>
    <definedName name="R_塗装工" localSheetId="8">#REF!</definedName>
    <definedName name="R_塗装工" localSheetId="2">#REF!</definedName>
    <definedName name="R_塗装工">#REF!</definedName>
    <definedName name="R_土木一般世話" localSheetId="4">#REF!</definedName>
    <definedName name="R_土木一般世話" localSheetId="5">#REF!</definedName>
    <definedName name="R_土木一般世話" localSheetId="6">#REF!</definedName>
    <definedName name="R_土木一般世話" localSheetId="7">#REF!</definedName>
    <definedName name="R_土木一般世話" localSheetId="8">#REF!</definedName>
    <definedName name="R_土木一般世話" localSheetId="2">#REF!</definedName>
    <definedName name="R_土木一般世話">#REF!</definedName>
    <definedName name="R_特殊作業員" localSheetId="4">#REF!</definedName>
    <definedName name="R_特殊作業員" localSheetId="5">#REF!</definedName>
    <definedName name="R_特殊作業員" localSheetId="6">#REF!</definedName>
    <definedName name="R_特殊作業員" localSheetId="7">#REF!</definedName>
    <definedName name="R_特殊作業員" localSheetId="8">#REF!</definedName>
    <definedName name="R_特殊作業員" localSheetId="2">#REF!</definedName>
    <definedName name="R_特殊作業員">#REF!</definedName>
    <definedName name="R_内装工" localSheetId="4">#REF!</definedName>
    <definedName name="R_内装工" localSheetId="5">#REF!</definedName>
    <definedName name="R_内装工" localSheetId="6">#REF!</definedName>
    <definedName name="R_内装工" localSheetId="7">#REF!</definedName>
    <definedName name="R_内装工" localSheetId="8">#REF!</definedName>
    <definedName name="R_内装工" localSheetId="2">#REF!</definedName>
    <definedName name="R_内装工">#REF!</definedName>
    <definedName name="R_配管工" localSheetId="4">#REF!</definedName>
    <definedName name="R_配管工" localSheetId="5">#REF!</definedName>
    <definedName name="R_配管工" localSheetId="6">#REF!</definedName>
    <definedName name="R_配管工" localSheetId="7">#REF!</definedName>
    <definedName name="R_配管工" localSheetId="8">#REF!</definedName>
    <definedName name="R_配管工" localSheetId="2">#REF!</definedName>
    <definedName name="R_配管工">#REF!</definedName>
    <definedName name="R_板金工" localSheetId="4">#REF!</definedName>
    <definedName name="R_板金工" localSheetId="5">#REF!</definedName>
    <definedName name="R_板金工" localSheetId="6">#REF!</definedName>
    <definedName name="R_板金工" localSheetId="7">#REF!</definedName>
    <definedName name="R_板金工" localSheetId="8">#REF!</definedName>
    <definedName name="R_板金工" localSheetId="2">#REF!</definedName>
    <definedName name="R_板金工">#REF!</definedName>
    <definedName name="R_普通作業員" localSheetId="4">#REF!</definedName>
    <definedName name="R_普通作業員" localSheetId="5">#REF!</definedName>
    <definedName name="R_普通作業員" localSheetId="6">#REF!</definedName>
    <definedName name="R_普通作業員" localSheetId="7">#REF!</definedName>
    <definedName name="R_普通作業員" localSheetId="8">#REF!</definedName>
    <definedName name="R_普通作業員" localSheetId="2">#REF!</definedName>
    <definedName name="R_普通作業員">#REF!</definedName>
    <definedName name="R_保温工" localSheetId="4">#REF!</definedName>
    <definedName name="R_保温工" localSheetId="5">#REF!</definedName>
    <definedName name="R_保温工" localSheetId="6">#REF!</definedName>
    <definedName name="R_保温工" localSheetId="7">#REF!</definedName>
    <definedName name="R_保温工" localSheetId="8">#REF!</definedName>
    <definedName name="R_保温工" localSheetId="2">#REF!</definedName>
    <definedName name="R_保温工">#REF!</definedName>
    <definedName name="R_法面工" localSheetId="4">#REF!</definedName>
    <definedName name="R_法面工" localSheetId="5">#REF!</definedName>
    <definedName name="R_法面工" localSheetId="6">#REF!</definedName>
    <definedName name="R_法面工" localSheetId="7">#REF!</definedName>
    <definedName name="R_法面工" localSheetId="8">#REF!</definedName>
    <definedName name="R_法面工" localSheetId="2">#REF!</definedName>
    <definedName name="R_法面工">#REF!</definedName>
    <definedName name="R_防水工" localSheetId="4">#REF!</definedName>
    <definedName name="R_防水工" localSheetId="5">#REF!</definedName>
    <definedName name="R_防水工" localSheetId="6">#REF!</definedName>
    <definedName name="R_防水工" localSheetId="7">#REF!</definedName>
    <definedName name="R_防水工" localSheetId="8">#REF!</definedName>
    <definedName name="R_防水工" localSheetId="2">#REF!</definedName>
    <definedName name="R_防水工">#REF!</definedName>
    <definedName name="R_溶接工" localSheetId="4">#REF!</definedName>
    <definedName name="R_溶接工" localSheetId="5">#REF!</definedName>
    <definedName name="R_溶接工" localSheetId="6">#REF!</definedName>
    <definedName name="R_溶接工" localSheetId="7">#REF!</definedName>
    <definedName name="R_溶接工" localSheetId="8">#REF!</definedName>
    <definedName name="R_溶接工" localSheetId="2">#REF!</definedName>
    <definedName name="R_溶接工">#REF!</definedName>
    <definedName name="RE" localSheetId="4">#REF!</definedName>
    <definedName name="RE" localSheetId="5">#REF!</definedName>
    <definedName name="RE" localSheetId="6">#REF!</definedName>
    <definedName name="RE" localSheetId="7">#REF!</definedName>
    <definedName name="RE" localSheetId="8">#REF!</definedName>
    <definedName name="RE" localSheetId="2">#REF!</definedName>
    <definedName name="RE">#REF!</definedName>
    <definedName name="Record1" localSheetId="9">施工条件明示一覧表!Record1</definedName>
    <definedName name="Record1">[0]!Record1</definedName>
    <definedName name="Record12" localSheetId="9">施工条件明示一覧表!Record12</definedName>
    <definedName name="Record12">[0]!Record12</definedName>
    <definedName name="Record2" localSheetId="9">施工条件明示一覧表!Record2</definedName>
    <definedName name="Record2">[0]!Record2</definedName>
    <definedName name="RENP" localSheetId="4">#REF!</definedName>
    <definedName name="RENP" localSheetId="5">#REF!</definedName>
    <definedName name="RENP" localSheetId="6">#REF!</definedName>
    <definedName name="RENP" localSheetId="7">#REF!</definedName>
    <definedName name="RENP" localSheetId="8">#REF!</definedName>
    <definedName name="RENP" localSheetId="9">#REF!</definedName>
    <definedName name="RENP" localSheetId="2">#REF!</definedName>
    <definedName name="RENP">#REF!</definedName>
    <definedName name="RF" localSheetId="4">#REF!</definedName>
    <definedName name="RF" localSheetId="5">#REF!</definedName>
    <definedName name="RF" localSheetId="6">#REF!</definedName>
    <definedName name="RF" localSheetId="7">#REF!</definedName>
    <definedName name="RF" localSheetId="8">#REF!</definedName>
    <definedName name="RF" localSheetId="2">#REF!</definedName>
    <definedName name="RF">#REF!</definedName>
    <definedName name="ro">'[4]拾・幹線(屋)'!$O$10</definedName>
    <definedName name="rr" localSheetId="4">[48]!Dialog3_ボタン2_Click</definedName>
    <definedName name="rr" localSheetId="5">[48]!Dialog3_ボタン2_Click</definedName>
    <definedName name="rr" localSheetId="6">[48]!Dialog3_ボタン2_Click</definedName>
    <definedName name="rr" localSheetId="7">[48]!Dialog3_ボタン2_Click</definedName>
    <definedName name="rr" localSheetId="8">[48]!Dialog3_ボタン2_Click</definedName>
    <definedName name="rr" localSheetId="2">[48]!Dialog3_ボタン2_Click</definedName>
    <definedName name="rr">[48]!Dialog3_ボタン2_Click</definedName>
    <definedName name="RS" localSheetId="4">#REF!</definedName>
    <definedName name="RS" localSheetId="5">#REF!</definedName>
    <definedName name="RS" localSheetId="6">#REF!</definedName>
    <definedName name="RS" localSheetId="7">#REF!</definedName>
    <definedName name="RS" localSheetId="8">#REF!</definedName>
    <definedName name="RS" localSheetId="9">#REF!</definedName>
    <definedName name="RS" localSheetId="2">#REF!</definedName>
    <definedName name="RS">#REF!</definedName>
    <definedName name="RUM" localSheetId="4">#REF!</definedName>
    <definedName name="RUM" localSheetId="5">#REF!</definedName>
    <definedName name="RUM" localSheetId="6">#REF!</definedName>
    <definedName name="RUM" localSheetId="7">#REF!</definedName>
    <definedName name="RUM" localSheetId="8">#REF!</definedName>
    <definedName name="RUM" localSheetId="2">#REF!</definedName>
    <definedName name="RUM">#REF!</definedName>
    <definedName name="RV" localSheetId="4">#REF!</definedName>
    <definedName name="RV" localSheetId="5">#REF!</definedName>
    <definedName name="RV" localSheetId="6">#REF!</definedName>
    <definedName name="RV" localSheetId="7">#REF!</definedName>
    <definedName name="RV" localSheetId="8">#REF!</definedName>
    <definedName name="RV" localSheetId="2">#REF!</definedName>
    <definedName name="RV">#REF!</definedName>
    <definedName name="s" localSheetId="4">#REF!</definedName>
    <definedName name="s" localSheetId="5">#REF!</definedName>
    <definedName name="s" localSheetId="6">#REF!</definedName>
    <definedName name="s" localSheetId="7">#REF!</definedName>
    <definedName name="s" localSheetId="8">#REF!</definedName>
    <definedName name="s" localSheetId="2">#REF!</definedName>
    <definedName name="s">#REF!</definedName>
    <definedName name="sa" localSheetId="4">'[47]３ページ'!#REF!</definedName>
    <definedName name="sa" localSheetId="5">'[47]３ページ'!#REF!</definedName>
    <definedName name="sa" localSheetId="6">'[47]３ページ'!#REF!</definedName>
    <definedName name="sa" localSheetId="7">'[47]３ページ'!#REF!</definedName>
    <definedName name="sa" localSheetId="8">'[47]３ページ'!#REF!</definedName>
    <definedName name="sa" localSheetId="2">'[47]３ページ'!#REF!</definedName>
    <definedName name="sa">'[47]３ページ'!#REF!</definedName>
    <definedName name="SAB" localSheetId="4">#REF!</definedName>
    <definedName name="SAB" localSheetId="5">#REF!</definedName>
    <definedName name="SAB" localSheetId="6">#REF!</definedName>
    <definedName name="SAB" localSheetId="7">#REF!</definedName>
    <definedName name="SAB" localSheetId="8">#REF!</definedName>
    <definedName name="SAB" localSheetId="9">#REF!</definedName>
    <definedName name="SAB" localSheetId="2">#REF!</definedName>
    <definedName name="SAB">#REF!</definedName>
    <definedName name="SCV" localSheetId="4">#REF!</definedName>
    <definedName name="SCV" localSheetId="5">#REF!</definedName>
    <definedName name="SCV" localSheetId="6">#REF!</definedName>
    <definedName name="SCV" localSheetId="7">#REF!</definedName>
    <definedName name="SCV" localSheetId="8">#REF!</definedName>
    <definedName name="SCV" localSheetId="2">#REF!</definedName>
    <definedName name="SCV">#REF!</definedName>
    <definedName name="sk" localSheetId="4">'[27]３ページ'!#REF!</definedName>
    <definedName name="sk" localSheetId="5">'[27]３ページ'!#REF!</definedName>
    <definedName name="sk" localSheetId="6">'[27]３ページ'!#REF!</definedName>
    <definedName name="sk" localSheetId="7">'[27]３ページ'!#REF!</definedName>
    <definedName name="sk" localSheetId="8">'[27]３ページ'!#REF!</definedName>
    <definedName name="sk" localSheetId="2">'[27]３ページ'!#REF!</definedName>
    <definedName name="sk">'[27]３ページ'!#REF!</definedName>
    <definedName name="SKｿｹｯﾄφ20" localSheetId="4">#REF!</definedName>
    <definedName name="SKｿｹｯﾄφ20" localSheetId="5">#REF!</definedName>
    <definedName name="SKｿｹｯﾄφ20" localSheetId="6">#REF!</definedName>
    <definedName name="SKｿｹｯﾄφ20" localSheetId="7">#REF!</definedName>
    <definedName name="SKｿｹｯﾄφ20" localSheetId="8">#REF!</definedName>
    <definedName name="SKｿｹｯﾄφ20" localSheetId="9">#REF!</definedName>
    <definedName name="SKｿｹｯﾄφ20" localSheetId="2">#REF!</definedName>
    <definedName name="SKｿｹｯﾄφ20">#REF!</definedName>
    <definedName name="SKｿｹｯﾄφ40" localSheetId="4">#REF!</definedName>
    <definedName name="SKｿｹｯﾄφ40" localSheetId="5">#REF!</definedName>
    <definedName name="SKｿｹｯﾄφ40" localSheetId="6">#REF!</definedName>
    <definedName name="SKｿｹｯﾄφ40" localSheetId="7">#REF!</definedName>
    <definedName name="SKｿｹｯﾄφ40" localSheetId="8">#REF!</definedName>
    <definedName name="SKｿｹｯﾄφ40" localSheetId="2">#REF!</definedName>
    <definedName name="SKｿｹｯﾄφ40">#REF!</definedName>
    <definedName name="smif" localSheetId="4">[49]機器等据付工!#REF!</definedName>
    <definedName name="smif" localSheetId="5">[49]機器等据付工!#REF!</definedName>
    <definedName name="smif" localSheetId="6">[49]機器等据付工!#REF!</definedName>
    <definedName name="smif" localSheetId="7">[49]機器等据付工!#REF!</definedName>
    <definedName name="smif" localSheetId="8">[49]機器等据付工!#REF!</definedName>
    <definedName name="smif" localSheetId="2">[49]機器等据付工!#REF!</definedName>
    <definedName name="smif">[49]機器等据付工!#REF!</definedName>
    <definedName name="SONI" localSheetId="4">#REF!</definedName>
    <definedName name="SONI" localSheetId="5">#REF!</definedName>
    <definedName name="SONI" localSheetId="6">#REF!</definedName>
    <definedName name="SONI" localSheetId="7">#REF!</definedName>
    <definedName name="SONI" localSheetId="8">#REF!</definedName>
    <definedName name="SONI" localSheetId="9">#REF!</definedName>
    <definedName name="SONI" localSheetId="2">#REF!</definedName>
    <definedName name="SONI">#REF!</definedName>
    <definedName name="SONO" localSheetId="4">#REF!</definedName>
    <definedName name="SONO" localSheetId="5">#REF!</definedName>
    <definedName name="SONO" localSheetId="6">#REF!</definedName>
    <definedName name="SONO" localSheetId="7">#REF!</definedName>
    <definedName name="SONO" localSheetId="8">#REF!</definedName>
    <definedName name="SONO" localSheetId="2">#REF!</definedName>
    <definedName name="SONO">#REF!</definedName>
    <definedName name="SPK">17940</definedName>
    <definedName name="SQRT" localSheetId="4">#REF!</definedName>
    <definedName name="SQRT" localSheetId="5">#REF!</definedName>
    <definedName name="SQRT" localSheetId="6">#REF!</definedName>
    <definedName name="SQRT" localSheetId="7">#REF!</definedName>
    <definedName name="SQRT" localSheetId="8">#REF!</definedName>
    <definedName name="SQRT" localSheetId="9">#REF!</definedName>
    <definedName name="SQRT" localSheetId="2">#REF!</definedName>
    <definedName name="SQRT">#REF!</definedName>
    <definedName name="ｓｒ" localSheetId="4">[16]土工!#REF!</definedName>
    <definedName name="ｓｒ" localSheetId="5">[16]土工!#REF!</definedName>
    <definedName name="ｓｒ" localSheetId="6">[16]土工!#REF!</definedName>
    <definedName name="ｓｒ" localSheetId="7">[16]土工!#REF!</definedName>
    <definedName name="ｓｒ" localSheetId="8">[16]土工!#REF!</definedName>
    <definedName name="ｓｒ" localSheetId="9">[16]土工!#REF!</definedName>
    <definedName name="ｓｒ" localSheetId="2">[16]土工!#REF!</definedName>
    <definedName name="ｓｒ">[16]土工!#REF!</definedName>
    <definedName name="SUB" localSheetId="4">#REF!</definedName>
    <definedName name="SUB" localSheetId="5">#REF!</definedName>
    <definedName name="SUB" localSheetId="6">#REF!</definedName>
    <definedName name="SUB" localSheetId="7">#REF!</definedName>
    <definedName name="SUB" localSheetId="8">#REF!</definedName>
    <definedName name="SUB" localSheetId="9">#REF!</definedName>
    <definedName name="SUB" localSheetId="2">#REF!</definedName>
    <definedName name="SUB">#REF!</definedName>
    <definedName name="SUS屋外">#REF!</definedName>
    <definedName name="SUS屋内" localSheetId="4">#REF!</definedName>
    <definedName name="SUS屋内" localSheetId="5">#REF!</definedName>
    <definedName name="SUS屋内" localSheetId="6">#REF!</definedName>
    <definedName name="SUS屋内" localSheetId="7">#REF!</definedName>
    <definedName name="SUS屋内" localSheetId="8">#REF!</definedName>
    <definedName name="SUS屋内" localSheetId="2">#REF!</definedName>
    <definedName name="SUS屋内">#REF!</definedName>
    <definedName name="SUS据付" localSheetId="4">#REF!</definedName>
    <definedName name="SUS据付" localSheetId="5">#REF!</definedName>
    <definedName name="SUS据付" localSheetId="6">#REF!</definedName>
    <definedName name="SUS据付" localSheetId="7">#REF!</definedName>
    <definedName name="SUS据付" localSheetId="8">#REF!</definedName>
    <definedName name="SUS据付" localSheetId="2">#REF!</definedName>
    <definedName name="SUS据付">#REF!</definedName>
    <definedName name="SUS埋設">#REF!</definedName>
    <definedName name="ｔ" localSheetId="9">施工条件明示一覧表!ｔ</definedName>
    <definedName name="ｔ" localSheetId="0">設計書表紙!ｔ</definedName>
    <definedName name="ｔ">[0]!ｔ</definedName>
    <definedName name="TANKA">'[50]H15年度4月-企業庁・県建設部単価表'!$A$5:$H$490</definedName>
    <definedName name="TF" localSheetId="4">#REF!</definedName>
    <definedName name="TF" localSheetId="5">#REF!</definedName>
    <definedName name="TF" localSheetId="6">#REF!</definedName>
    <definedName name="TF" localSheetId="7">#REF!</definedName>
    <definedName name="TF" localSheetId="8">#REF!</definedName>
    <definedName name="TF" localSheetId="9">#REF!</definedName>
    <definedName name="TF" localSheetId="2">#REF!</definedName>
    <definedName name="TF">#REF!</definedName>
    <definedName name="to">'[4]拾・幹線(屋)'!$O$14</definedName>
    <definedName name="TORA">'[4]#REF'!$C$5:$S$38</definedName>
    <definedName name="TPAJI" localSheetId="4">#REF!</definedName>
    <definedName name="TPAJI" localSheetId="5">#REF!</definedName>
    <definedName name="TPAJI" localSheetId="6">#REF!</definedName>
    <definedName name="TPAJI" localSheetId="7">#REF!</definedName>
    <definedName name="TPAJI" localSheetId="8">#REF!</definedName>
    <definedName name="TPAJI" localSheetId="9">#REF!</definedName>
    <definedName name="TPAJI" localSheetId="2">#REF!</definedName>
    <definedName name="TPAJI">#REF!</definedName>
    <definedName name="TS" localSheetId="9">20800</definedName>
    <definedName name="TS">16892</definedName>
    <definedName name="T区" localSheetId="4">#REF!</definedName>
    <definedName name="T区" localSheetId="5">#REF!</definedName>
    <definedName name="T区" localSheetId="6">#REF!</definedName>
    <definedName name="T区" localSheetId="7">#REF!</definedName>
    <definedName name="T区" localSheetId="8">#REF!</definedName>
    <definedName name="T区" localSheetId="9">#REF!</definedName>
    <definedName name="T区" localSheetId="2">#REF!</definedName>
    <definedName name="T区">#REF!</definedName>
    <definedName name="U" localSheetId="9">施工条件明示一覧表!U</definedName>
    <definedName name="U" localSheetId="0">設計書表紙!U</definedName>
    <definedName name="U">[0]!U</definedName>
    <definedName name="UG" localSheetId="4">#REF!</definedName>
    <definedName name="UG" localSheetId="5">#REF!</definedName>
    <definedName name="UG" localSheetId="6">#REF!</definedName>
    <definedName name="UG" localSheetId="7">#REF!</definedName>
    <definedName name="UG" localSheetId="8">#REF!</definedName>
    <definedName name="UG" localSheetId="9">#REF!</definedName>
    <definedName name="UG" localSheetId="2">#REF!</definedName>
    <definedName name="UG">#REF!</definedName>
    <definedName name="UHY" localSheetId="4">#REF!</definedName>
    <definedName name="UHY" localSheetId="5">#REF!</definedName>
    <definedName name="UHY" localSheetId="6">#REF!</definedName>
    <definedName name="UHY" localSheetId="7">#REF!</definedName>
    <definedName name="UHY" localSheetId="8">#REF!</definedName>
    <definedName name="UHY" localSheetId="2">#REF!</definedName>
    <definedName name="UHY">#REF!</definedName>
    <definedName name="Unnpan" localSheetId="4">[23]!Unnpan</definedName>
    <definedName name="Unnpan" localSheetId="5">[23]!Unnpan</definedName>
    <definedName name="Unnpan" localSheetId="6">[23]!Unnpan</definedName>
    <definedName name="Unnpan" localSheetId="7">[23]!Unnpan</definedName>
    <definedName name="Unnpan" localSheetId="8">[23]!Unnpan</definedName>
    <definedName name="Unnpan" localSheetId="9">[24]!Unnpan</definedName>
    <definedName name="Unnpan" localSheetId="2">[23]!Unnpan</definedName>
    <definedName name="Unnpan">[23]!Unnpan</definedName>
    <definedName name="V" localSheetId="4">#REF!</definedName>
    <definedName name="V" localSheetId="5">#REF!</definedName>
    <definedName name="V" localSheetId="6">#REF!</definedName>
    <definedName name="V" localSheetId="7">#REF!</definedName>
    <definedName name="V" localSheetId="8">#REF!</definedName>
    <definedName name="V" localSheetId="9">#REF!</definedName>
    <definedName name="V" localSheetId="2">#REF!</definedName>
    <definedName name="V">#REF!</definedName>
    <definedName name="ｖｆ" localSheetId="4">'[27]３ページ'!#REF!</definedName>
    <definedName name="ｖｆ" localSheetId="5">'[27]３ページ'!#REF!</definedName>
    <definedName name="ｖｆ" localSheetId="6">'[27]３ページ'!#REF!</definedName>
    <definedName name="ｖｆ" localSheetId="7">'[27]３ページ'!#REF!</definedName>
    <definedName name="ｖｆ" localSheetId="8">'[27]３ページ'!#REF!</definedName>
    <definedName name="ｖｆ" localSheetId="9">'[27]３ページ'!#REF!</definedName>
    <definedName name="ｖｆ" localSheetId="2">'[27]３ページ'!#REF!</definedName>
    <definedName name="ｖｆ">'[27]３ページ'!#REF!</definedName>
    <definedName name="VNJ" localSheetId="4">#REF!</definedName>
    <definedName name="VNJ" localSheetId="5">#REF!</definedName>
    <definedName name="VNJ" localSheetId="6">#REF!</definedName>
    <definedName name="VNJ" localSheetId="7">#REF!</definedName>
    <definedName name="VNJ" localSheetId="8">#REF!</definedName>
    <definedName name="VNJ" localSheetId="9">#REF!</definedName>
    <definedName name="VNJ" localSheetId="2">#REF!</definedName>
    <definedName name="VNJ">#REF!</definedName>
    <definedName name="VP.VU据付" localSheetId="4">#REF!</definedName>
    <definedName name="VP.VU据付" localSheetId="5">#REF!</definedName>
    <definedName name="VP.VU据付" localSheetId="6">#REF!</definedName>
    <definedName name="VP.VU据付" localSheetId="7">#REF!</definedName>
    <definedName name="VP.VU据付" localSheetId="8">#REF!</definedName>
    <definedName name="VP.VU据付" localSheetId="2">#REF!</definedName>
    <definedName name="VP.VU据付">#REF!</definedName>
    <definedName name="VP屋外">#REF!</definedName>
    <definedName name="VP屋内">#REF!</definedName>
    <definedName name="VP埋設">#REF!</definedName>
    <definedName name="VU屋外">#REF!</definedName>
    <definedName name="VU屋内" localSheetId="4">#REF!</definedName>
    <definedName name="VU屋内" localSheetId="5">#REF!</definedName>
    <definedName name="VU屋内" localSheetId="6">#REF!</definedName>
    <definedName name="VU屋内" localSheetId="7">#REF!</definedName>
    <definedName name="VU屋内" localSheetId="8">#REF!</definedName>
    <definedName name="VU屋内" localSheetId="2">#REF!</definedName>
    <definedName name="VU屋内">#REF!</definedName>
    <definedName name="VU埋設">#REF!</definedName>
    <definedName name="ｖｖ">[51]条件!$C$6</definedName>
    <definedName name="W" localSheetId="4">#REF!</definedName>
    <definedName name="W" localSheetId="5">#REF!</definedName>
    <definedName name="W" localSheetId="6">#REF!</definedName>
    <definedName name="W" localSheetId="7">#REF!</definedName>
    <definedName name="W" localSheetId="8">#REF!</definedName>
    <definedName name="W" localSheetId="9">#REF!</definedName>
    <definedName name="W" localSheetId="2">#REF!</definedName>
    <definedName name="W">#REF!</definedName>
    <definedName name="WA" localSheetId="4">#REF!</definedName>
    <definedName name="WA" localSheetId="5">#REF!</definedName>
    <definedName name="WA" localSheetId="6">#REF!</definedName>
    <definedName name="WA" localSheetId="7">#REF!</definedName>
    <definedName name="WA" localSheetId="8">#REF!</definedName>
    <definedName name="WA" localSheetId="2">#REF!</definedName>
    <definedName name="WA">#REF!</definedName>
    <definedName name="WIR_D_34" localSheetId="4">#REF!</definedName>
    <definedName name="WIR_D_34" localSheetId="5">#REF!</definedName>
    <definedName name="WIR_D_34" localSheetId="6">#REF!</definedName>
    <definedName name="WIR_D_34" localSheetId="7">#REF!</definedName>
    <definedName name="WIR_D_34" localSheetId="8">#REF!</definedName>
    <definedName name="WIR_D_34" localSheetId="2">#REF!</definedName>
    <definedName name="WIR_D_34">#REF!</definedName>
    <definedName name="wrn.１７." hidden="1">{#N/A,#N/A,FALSE,"Sheet16";#N/A,#N/A,FALSE,"Sheet16"}</definedName>
    <definedName name="wrn.REP1." localSheetId="9" hidden="1">{"設定1",#N/A,FALSE,"第5号-1";"設定2",#N/A,FALSE,"第5号-1"}</definedName>
    <definedName name="wrn.REP1." localSheetId="0" hidden="1">{"設定1",#N/A,FALSE,"第5号-1";"設定2",#N/A,FALSE,"第5号-1"}</definedName>
    <definedName name="wrn.REP1." hidden="1">{"設定1",#N/A,FALSE,"第5号-1";"設定2",#N/A,FALSE,"第5号-1"}</definedName>
    <definedName name="wrn.REP1._1" localSheetId="9"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9" hidden="1">{"設定1",#N/A,FALSE,"第5号-1";"設定2",#N/A,FALSE,"第5号-1"}</definedName>
    <definedName name="wrn.REP2" localSheetId="0" hidden="1">{"設定1",#N/A,FALSE,"第5号-1";"設定2",#N/A,FALSE,"第5号-1"}</definedName>
    <definedName name="wrn.REP2" hidden="1">{"設定1",#N/A,FALSE,"第5号-1";"設定2",#N/A,FALSE,"第5号-1"}</definedName>
    <definedName name="wrn.REP2_1" localSheetId="9" hidden="1">{"設定1",#N/A,FALSE,"第5号-1";"設定2",#N/A,FALSE,"第5号-1"}</definedName>
    <definedName name="wrn.REP2_1" localSheetId="0" hidden="1">{"設定1",#N/A,FALSE,"第5号-1";"設定2",#N/A,FALSE,"第5号-1"}</definedName>
    <definedName name="wrn.REP2_1" hidden="1">{"設定1",#N/A,FALSE,"第5号-1";"設定2",#N/A,FALSE,"第5号-1"}</definedName>
    <definedName name="wrn.機械代価表１０１から." localSheetId="9"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9"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9"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9"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9"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9"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9"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9"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9"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9"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9"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9"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9"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9"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9" hidden="1">{#N/A,#N/A,FALSE,"表紙";#N/A,#N/A,FALSE,"内訳表";#N/A,#N/A,FALSE,"経費計算書"}</definedName>
    <definedName name="wrn.内訳書." hidden="1">{#N/A,#N/A,FALSE,"表紙";#N/A,#N/A,FALSE,"内訳表";#N/A,#N/A,FALSE,"経費計算書"}</definedName>
    <definedName name="wrn.内訳書建築機械." localSheetId="9"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9"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9"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 localSheetId="4">[52]Code!#REF!</definedName>
    <definedName name="ｗｓ" localSheetId="5">[52]Code!#REF!</definedName>
    <definedName name="ｗｓ" localSheetId="6">[52]Code!#REF!</definedName>
    <definedName name="ｗｓ" localSheetId="7">[52]Code!#REF!</definedName>
    <definedName name="ｗｓ" localSheetId="8">[52]Code!#REF!</definedName>
    <definedName name="ｗｓ" localSheetId="2">[52]Code!#REF!</definedName>
    <definedName name="ｗｓ">[52]Code!#REF!</definedName>
    <definedName name="ｗｗ" localSheetId="4">'[47]３ページ'!#REF!</definedName>
    <definedName name="ｗｗ" localSheetId="5">'[47]３ページ'!#REF!</definedName>
    <definedName name="ｗｗ" localSheetId="6">'[47]３ページ'!#REF!</definedName>
    <definedName name="ｗｗ" localSheetId="7">'[47]３ページ'!#REF!</definedName>
    <definedName name="ｗｗ" localSheetId="8">'[47]３ページ'!#REF!</definedName>
    <definedName name="ｗｗ" localSheetId="2">'[47]３ページ'!#REF!</definedName>
    <definedName name="ｗｗ">'[47]３ページ'!#REF!</definedName>
    <definedName name="X" localSheetId="4">#REF!</definedName>
    <definedName name="X" localSheetId="5">#REF!</definedName>
    <definedName name="X" localSheetId="6">#REF!</definedName>
    <definedName name="X" localSheetId="7">#REF!</definedName>
    <definedName name="X" localSheetId="8">#REF!</definedName>
    <definedName name="X" localSheetId="9">#REF!</definedName>
    <definedName name="X" localSheetId="2">#REF!</definedName>
    <definedName name="X">#REF!</definedName>
    <definedName name="XC" localSheetId="4">#REF!</definedName>
    <definedName name="XC" localSheetId="5">#REF!</definedName>
    <definedName name="XC" localSheetId="6">#REF!</definedName>
    <definedName name="XC" localSheetId="7">#REF!</definedName>
    <definedName name="XC" localSheetId="8">#REF!</definedName>
    <definedName name="XC" localSheetId="2">#REF!</definedName>
    <definedName name="XC">#REF!</definedName>
    <definedName name="XMIN" localSheetId="4">#REF!</definedName>
    <definedName name="XMIN" localSheetId="5">#REF!</definedName>
    <definedName name="XMIN" localSheetId="6">#REF!</definedName>
    <definedName name="XMIN" localSheetId="7">#REF!</definedName>
    <definedName name="XMIN" localSheetId="8">#REF!</definedName>
    <definedName name="XMIN" localSheetId="2">#REF!</definedName>
    <definedName name="XMIN">#REF!</definedName>
    <definedName name="ｘｘ">[26]条件!$C$11</definedName>
    <definedName name="Y" localSheetId="9">施工条件明示一覧表!Y</definedName>
    <definedName name="Y" localSheetId="0">設計書表紙!Y</definedName>
    <definedName name="Y">[0]!Y</definedName>
    <definedName name="Yusou" localSheetId="4">[23]!Yusou</definedName>
    <definedName name="Yusou" localSheetId="5">[23]!Yusou</definedName>
    <definedName name="Yusou" localSheetId="6">[23]!Yusou</definedName>
    <definedName name="Yusou" localSheetId="7">[23]!Yusou</definedName>
    <definedName name="Yusou" localSheetId="8">[23]!Yusou</definedName>
    <definedName name="Yusou" localSheetId="9">[24]!Yusou</definedName>
    <definedName name="Yusou" localSheetId="2">[23]!Yusou</definedName>
    <definedName name="Yusou">[23]!Yusou</definedName>
    <definedName name="YusouHyouji" localSheetId="4">[23]!YusouHyouji</definedName>
    <definedName name="YusouHyouji" localSheetId="5">[23]!YusouHyouji</definedName>
    <definedName name="YusouHyouji" localSheetId="6">[23]!YusouHyouji</definedName>
    <definedName name="YusouHyouji" localSheetId="7">[23]!YusouHyouji</definedName>
    <definedName name="YusouHyouji" localSheetId="8">[23]!YusouHyouji</definedName>
    <definedName name="YusouHyouji" localSheetId="9">[24]!YusouHyouji</definedName>
    <definedName name="YusouHyouji" localSheetId="2">[23]!YusouHyouji</definedName>
    <definedName name="YusouHyouji">[23]!YusouHyouji</definedName>
    <definedName name="ｙｙ" localSheetId="4">[28]表紙!#REF!</definedName>
    <definedName name="ｙｙ" localSheetId="5">[28]表紙!#REF!</definedName>
    <definedName name="ｙｙ" localSheetId="6">[28]表紙!#REF!</definedName>
    <definedName name="ｙｙ" localSheetId="7">[28]表紙!#REF!</definedName>
    <definedName name="ｙｙ" localSheetId="8">[28]表紙!#REF!</definedName>
    <definedName name="ｙｙ" localSheetId="9">[28]表紙!#REF!</definedName>
    <definedName name="ｙｙ" localSheetId="2">[28]表紙!#REF!</definedName>
    <definedName name="ｙｙ">[28]表紙!#REF!</definedName>
    <definedName name="ｙｙｙ" localSheetId="4">#REF!</definedName>
    <definedName name="ｙｙｙ" localSheetId="5">#REF!</definedName>
    <definedName name="ｙｙｙ" localSheetId="6">#REF!</definedName>
    <definedName name="ｙｙｙ" localSheetId="7">#REF!</definedName>
    <definedName name="ｙｙｙ" localSheetId="8">#REF!</definedName>
    <definedName name="ｙｙｙ" localSheetId="9">#REF!</definedName>
    <definedName name="ｙｙｙ" localSheetId="2">#REF!</definedName>
    <definedName name="ｙｙｙ">#REF!</definedName>
    <definedName name="Z" localSheetId="4">#REF!</definedName>
    <definedName name="Z" localSheetId="5">#REF!</definedName>
    <definedName name="Z" localSheetId="6">#REF!</definedName>
    <definedName name="Z" localSheetId="7">#REF!</definedName>
    <definedName name="Z" localSheetId="8">#REF!</definedName>
    <definedName name="Z" localSheetId="2">#REF!</definedName>
    <definedName name="Z">#REF!</definedName>
    <definedName name="ZAI" localSheetId="4">#REF!</definedName>
    <definedName name="ZAI" localSheetId="5">#REF!</definedName>
    <definedName name="ZAI" localSheetId="6">#REF!</definedName>
    <definedName name="ZAI" localSheetId="7">#REF!</definedName>
    <definedName name="ZAI" localSheetId="8">#REF!</definedName>
    <definedName name="ZAI" localSheetId="2">#REF!</definedName>
    <definedName name="ZAI">#REF!</definedName>
    <definedName name="ZAT1" localSheetId="4">#REF!</definedName>
    <definedName name="ZAT1" localSheetId="5">#REF!</definedName>
    <definedName name="ZAT1" localSheetId="6">#REF!</definedName>
    <definedName name="ZAT1" localSheetId="7">#REF!</definedName>
    <definedName name="ZAT1" localSheetId="8">#REF!</definedName>
    <definedName name="ZAT1" localSheetId="2">#REF!</definedName>
    <definedName name="ZAT1">#REF!</definedName>
    <definedName name="zat2" localSheetId="4">#REF!</definedName>
    <definedName name="zat2" localSheetId="5">#REF!</definedName>
    <definedName name="zat2" localSheetId="6">#REF!</definedName>
    <definedName name="zat2" localSheetId="7">#REF!</definedName>
    <definedName name="zat2" localSheetId="8">#REF!</definedName>
    <definedName name="zat2" localSheetId="2">#REF!</definedName>
    <definedName name="zat2">#REF!</definedName>
    <definedName name="ZAT3" localSheetId="4">#REF!</definedName>
    <definedName name="ZAT3" localSheetId="5">#REF!</definedName>
    <definedName name="ZAT3" localSheetId="6">#REF!</definedName>
    <definedName name="ZAT3" localSheetId="7">#REF!</definedName>
    <definedName name="ZAT3" localSheetId="8">#REF!</definedName>
    <definedName name="ZAT3" localSheetId="2">#REF!</definedName>
    <definedName name="ZAT3">#REF!</definedName>
    <definedName name="ZX" localSheetId="4">[53]!ピクチャ5_Click</definedName>
    <definedName name="ZX" localSheetId="5">[53]!ピクチャ5_Click</definedName>
    <definedName name="ZX" localSheetId="6">[53]!ピクチャ5_Click</definedName>
    <definedName name="ZX" localSheetId="7">[53]!ピクチャ5_Click</definedName>
    <definedName name="ZX" localSheetId="8">[53]!ピクチャ5_Click</definedName>
    <definedName name="ZX" localSheetId="2">[53]!ピクチャ5_Click</definedName>
    <definedName name="ZX">[53]!ピクチャ5_Click</definedName>
    <definedName name="Z一般管理費" localSheetId="4">#REF!</definedName>
    <definedName name="Z一般管理費" localSheetId="5">#REF!</definedName>
    <definedName name="Z一般管理費" localSheetId="6">#REF!</definedName>
    <definedName name="Z一般管理費" localSheetId="7">#REF!</definedName>
    <definedName name="Z一般管理費" localSheetId="8">#REF!</definedName>
    <definedName name="Z一般管理費" localSheetId="9">#REF!</definedName>
    <definedName name="Z一般管理費" localSheetId="2">#REF!</definedName>
    <definedName name="Z一般管理費">#REF!</definedName>
    <definedName name="Z一般管理費1" localSheetId="4">#REF!</definedName>
    <definedName name="Z一般管理費1" localSheetId="5">#REF!</definedName>
    <definedName name="Z一般管理費1" localSheetId="6">#REF!</definedName>
    <definedName name="Z一般管理費1" localSheetId="7">#REF!</definedName>
    <definedName name="Z一般管理費1" localSheetId="8">#REF!</definedName>
    <definedName name="Z一般管理費1" localSheetId="2">#REF!</definedName>
    <definedName name="Z一般管理費1">#REF!</definedName>
    <definedName name="Z一般管理費2" localSheetId="4">#REF!</definedName>
    <definedName name="Z一般管理費2" localSheetId="5">#REF!</definedName>
    <definedName name="Z一般管理費2" localSheetId="6">#REF!</definedName>
    <definedName name="Z一般管理費2" localSheetId="7">#REF!</definedName>
    <definedName name="Z一般管理費2" localSheetId="8">#REF!</definedName>
    <definedName name="Z一般管理費2" localSheetId="2">#REF!</definedName>
    <definedName name="Z一般管理費2">#REF!</definedName>
    <definedName name="Z一般管理費3" localSheetId="4">#REF!</definedName>
    <definedName name="Z一般管理費3" localSheetId="5">#REF!</definedName>
    <definedName name="Z一般管理費3" localSheetId="6">#REF!</definedName>
    <definedName name="Z一般管理費3" localSheetId="7">#REF!</definedName>
    <definedName name="Z一般管理費3" localSheetId="8">#REF!</definedName>
    <definedName name="Z一般管理費3" localSheetId="2">#REF!</definedName>
    <definedName name="Z一般管理費3">#REF!</definedName>
    <definedName name="Z一般労務費" localSheetId="4">#REF!</definedName>
    <definedName name="Z一般労務費" localSheetId="5">#REF!</definedName>
    <definedName name="Z一般労務費" localSheetId="6">#REF!</definedName>
    <definedName name="Z一般労務費" localSheetId="7">#REF!</definedName>
    <definedName name="Z一般労務費" localSheetId="8">#REF!</definedName>
    <definedName name="Z一般労務費" localSheetId="2">#REF!</definedName>
    <definedName name="Z一般労務費">#REF!</definedName>
    <definedName name="Z一般労務費1" localSheetId="4">#REF!</definedName>
    <definedName name="Z一般労務費1" localSheetId="5">#REF!</definedName>
    <definedName name="Z一般労務費1" localSheetId="6">#REF!</definedName>
    <definedName name="Z一般労務費1" localSheetId="7">#REF!</definedName>
    <definedName name="Z一般労務費1" localSheetId="8">#REF!</definedName>
    <definedName name="Z一般労務費1" localSheetId="2">#REF!</definedName>
    <definedName name="Z一般労務費1">#REF!</definedName>
    <definedName name="Z一般労務費2" localSheetId="4">#REF!</definedName>
    <definedName name="Z一般労務費2" localSheetId="5">#REF!</definedName>
    <definedName name="Z一般労務費2" localSheetId="6">#REF!</definedName>
    <definedName name="Z一般労務費2" localSheetId="7">#REF!</definedName>
    <definedName name="Z一般労務費2" localSheetId="8">#REF!</definedName>
    <definedName name="Z一般労務費2" localSheetId="2">#REF!</definedName>
    <definedName name="Z一般労務費2">#REF!</definedName>
    <definedName name="Z一般労務費3" localSheetId="4">#REF!</definedName>
    <definedName name="Z一般労務費3" localSheetId="5">#REF!</definedName>
    <definedName name="Z一般労務費3" localSheetId="6">#REF!</definedName>
    <definedName name="Z一般労務費3" localSheetId="7">#REF!</definedName>
    <definedName name="Z一般労務費3" localSheetId="8">#REF!</definedName>
    <definedName name="Z一般労務費3" localSheetId="2">#REF!</definedName>
    <definedName name="Z一般労務費3">#REF!</definedName>
    <definedName name="Z間接工事費" localSheetId="4">#REF!</definedName>
    <definedName name="Z間接工事費" localSheetId="5">#REF!</definedName>
    <definedName name="Z間接工事費" localSheetId="6">#REF!</definedName>
    <definedName name="Z間接工事費" localSheetId="7">#REF!</definedName>
    <definedName name="Z間接工事費" localSheetId="8">#REF!</definedName>
    <definedName name="Z間接工事費" localSheetId="2">#REF!</definedName>
    <definedName name="Z間接工事費">#REF!</definedName>
    <definedName name="Z間接工事費1" localSheetId="4">#REF!</definedName>
    <definedName name="Z間接工事費1" localSheetId="5">#REF!</definedName>
    <definedName name="Z間接工事費1" localSheetId="6">#REF!</definedName>
    <definedName name="Z間接工事費1" localSheetId="7">#REF!</definedName>
    <definedName name="Z間接工事費1" localSheetId="8">#REF!</definedName>
    <definedName name="Z間接工事費1" localSheetId="2">#REF!</definedName>
    <definedName name="Z間接工事費1">#REF!</definedName>
    <definedName name="Z間接工事費2" localSheetId="4">#REF!</definedName>
    <definedName name="Z間接工事費2" localSheetId="5">#REF!</definedName>
    <definedName name="Z間接工事費2" localSheetId="6">#REF!</definedName>
    <definedName name="Z間接工事費2" localSheetId="7">#REF!</definedName>
    <definedName name="Z間接工事費2" localSheetId="8">#REF!</definedName>
    <definedName name="Z間接工事費2" localSheetId="2">#REF!</definedName>
    <definedName name="Z間接工事費2">#REF!</definedName>
    <definedName name="Z間接工事費3" localSheetId="4">#REF!</definedName>
    <definedName name="Z間接工事費3" localSheetId="5">#REF!</definedName>
    <definedName name="Z間接工事費3" localSheetId="6">#REF!</definedName>
    <definedName name="Z間接工事費3" localSheetId="7">#REF!</definedName>
    <definedName name="Z間接工事費3" localSheetId="8">#REF!</definedName>
    <definedName name="Z間接工事費3" localSheetId="2">#REF!</definedName>
    <definedName name="Z間接工事費3">#REF!</definedName>
    <definedName name="Z機械経費" localSheetId="4">#REF!</definedName>
    <definedName name="Z機械経費" localSheetId="5">#REF!</definedName>
    <definedName name="Z機械経費" localSheetId="6">#REF!</definedName>
    <definedName name="Z機械経費" localSheetId="7">#REF!</definedName>
    <definedName name="Z機械経費" localSheetId="8">#REF!</definedName>
    <definedName name="Z機械経費" localSheetId="2">#REF!</definedName>
    <definedName name="Z機械経費">#REF!</definedName>
    <definedName name="Z機械経費1" localSheetId="4">#REF!</definedName>
    <definedName name="Z機械経費1" localSheetId="5">#REF!</definedName>
    <definedName name="Z機械経費1" localSheetId="6">#REF!</definedName>
    <definedName name="Z機械経費1" localSheetId="7">#REF!</definedName>
    <definedName name="Z機械経費1" localSheetId="8">#REF!</definedName>
    <definedName name="Z機械経費1" localSheetId="2">#REF!</definedName>
    <definedName name="Z機械経費1">#REF!</definedName>
    <definedName name="Z機械経費2" localSheetId="4">#REF!</definedName>
    <definedName name="Z機械経費2" localSheetId="5">#REF!</definedName>
    <definedName name="Z機械経費2" localSheetId="6">#REF!</definedName>
    <definedName name="Z機械経費2" localSheetId="7">#REF!</definedName>
    <definedName name="Z機械経費2" localSheetId="8">#REF!</definedName>
    <definedName name="Z機械経費2" localSheetId="2">#REF!</definedName>
    <definedName name="Z機械経費2">#REF!</definedName>
    <definedName name="Z機械経費3" localSheetId="4">#REF!</definedName>
    <definedName name="Z機械経費3" localSheetId="5">#REF!</definedName>
    <definedName name="Z機械経費3" localSheetId="6">#REF!</definedName>
    <definedName name="Z機械経費3" localSheetId="7">#REF!</definedName>
    <definedName name="Z機械経費3" localSheetId="8">#REF!</definedName>
    <definedName name="Z機械経費3" localSheetId="2">#REF!</definedName>
    <definedName name="Z機械経費3">#REF!</definedName>
    <definedName name="Z機器費" localSheetId="4">#REF!</definedName>
    <definedName name="Z機器費" localSheetId="5">#REF!</definedName>
    <definedName name="Z機器費" localSheetId="6">#REF!</definedName>
    <definedName name="Z機器費" localSheetId="7">#REF!</definedName>
    <definedName name="Z機器費" localSheetId="8">#REF!</definedName>
    <definedName name="Z機器費" localSheetId="2">#REF!</definedName>
    <definedName name="Z機器費">#REF!</definedName>
    <definedName name="Z機器費1" localSheetId="4">#REF!</definedName>
    <definedName name="Z機器費1" localSheetId="5">#REF!</definedName>
    <definedName name="Z機器費1" localSheetId="6">#REF!</definedName>
    <definedName name="Z機器費1" localSheetId="7">#REF!</definedName>
    <definedName name="Z機器費1" localSheetId="8">#REF!</definedName>
    <definedName name="Z機器費1" localSheetId="2">#REF!</definedName>
    <definedName name="Z機器費1">#REF!</definedName>
    <definedName name="Z機器費2" localSheetId="4">#REF!</definedName>
    <definedName name="Z機器費2" localSheetId="5">#REF!</definedName>
    <definedName name="Z機器費2" localSheetId="6">#REF!</definedName>
    <definedName name="Z機器費2" localSheetId="7">#REF!</definedName>
    <definedName name="Z機器費2" localSheetId="8">#REF!</definedName>
    <definedName name="Z機器費2" localSheetId="2">#REF!</definedName>
    <definedName name="Z機器費2">#REF!</definedName>
    <definedName name="Z機器費3" localSheetId="4">#REF!</definedName>
    <definedName name="Z機器費3" localSheetId="5">#REF!</definedName>
    <definedName name="Z機器費3" localSheetId="6">#REF!</definedName>
    <definedName name="Z機器費3" localSheetId="7">#REF!</definedName>
    <definedName name="Z機器費3" localSheetId="8">#REF!</definedName>
    <definedName name="Z機器費3" localSheetId="2">#REF!</definedName>
    <definedName name="Z機器費3">#REF!</definedName>
    <definedName name="Z技術費" localSheetId="4">#REF!</definedName>
    <definedName name="Z技術費" localSheetId="5">#REF!</definedName>
    <definedName name="Z技術費" localSheetId="6">#REF!</definedName>
    <definedName name="Z技術費" localSheetId="7">#REF!</definedName>
    <definedName name="Z技術費" localSheetId="8">#REF!</definedName>
    <definedName name="Z技術費" localSheetId="2">#REF!</definedName>
    <definedName name="Z技術費">#REF!</definedName>
    <definedName name="Z技術費1" localSheetId="4">#REF!</definedName>
    <definedName name="Z技術費1" localSheetId="5">#REF!</definedName>
    <definedName name="Z技術費1" localSheetId="6">#REF!</definedName>
    <definedName name="Z技術費1" localSheetId="7">#REF!</definedName>
    <definedName name="Z技術費1" localSheetId="8">#REF!</definedName>
    <definedName name="Z技術費1" localSheetId="2">#REF!</definedName>
    <definedName name="Z技術費1">#REF!</definedName>
    <definedName name="Z技術費2" localSheetId="4">#REF!</definedName>
    <definedName name="Z技術費2" localSheetId="5">#REF!</definedName>
    <definedName name="Z技術費2" localSheetId="6">#REF!</definedName>
    <definedName name="Z技術費2" localSheetId="7">#REF!</definedName>
    <definedName name="Z技術費2" localSheetId="8">#REF!</definedName>
    <definedName name="Z技術費2" localSheetId="2">#REF!</definedName>
    <definedName name="Z技術費2">#REF!</definedName>
    <definedName name="Z技術費3" localSheetId="4">#REF!</definedName>
    <definedName name="Z技術費3" localSheetId="5">#REF!</definedName>
    <definedName name="Z技術費3" localSheetId="6">#REF!</definedName>
    <definedName name="Z技術費3" localSheetId="7">#REF!</definedName>
    <definedName name="Z技術費3" localSheetId="8">#REF!</definedName>
    <definedName name="Z技術費3" localSheetId="2">#REF!</definedName>
    <definedName name="Z技術費3">#REF!</definedName>
    <definedName name="Z共通仮設費" localSheetId="4">#REF!</definedName>
    <definedName name="Z共通仮設費" localSheetId="5">#REF!</definedName>
    <definedName name="Z共通仮設費" localSheetId="6">#REF!</definedName>
    <definedName name="Z共通仮設費" localSheetId="7">#REF!</definedName>
    <definedName name="Z共通仮設費" localSheetId="8">#REF!</definedName>
    <definedName name="Z共通仮設費" localSheetId="2">#REF!</definedName>
    <definedName name="Z共通仮設費">#REF!</definedName>
    <definedName name="Z共通仮設費1" localSheetId="4">#REF!</definedName>
    <definedName name="Z共通仮設費1" localSheetId="5">#REF!</definedName>
    <definedName name="Z共通仮設費1" localSheetId="6">#REF!</definedName>
    <definedName name="Z共通仮設費1" localSheetId="7">#REF!</definedName>
    <definedName name="Z共通仮設費1" localSheetId="8">#REF!</definedName>
    <definedName name="Z共通仮設費1" localSheetId="2">#REF!</definedName>
    <definedName name="Z共通仮設費1">#REF!</definedName>
    <definedName name="Z共通仮設費2" localSheetId="4">#REF!</definedName>
    <definedName name="Z共通仮設費2" localSheetId="5">#REF!</definedName>
    <definedName name="Z共通仮設費2" localSheetId="6">#REF!</definedName>
    <definedName name="Z共通仮設費2" localSheetId="7">#REF!</definedName>
    <definedName name="Z共通仮設費2" localSheetId="8">#REF!</definedName>
    <definedName name="Z共通仮設費2" localSheetId="2">#REF!</definedName>
    <definedName name="Z共通仮設費2">#REF!</definedName>
    <definedName name="Z共通仮設費3" localSheetId="4">#REF!</definedName>
    <definedName name="Z共通仮設費3" localSheetId="5">#REF!</definedName>
    <definedName name="Z共通仮設費3" localSheetId="6">#REF!</definedName>
    <definedName name="Z共通仮設費3" localSheetId="7">#REF!</definedName>
    <definedName name="Z共通仮設費3" localSheetId="8">#REF!</definedName>
    <definedName name="Z共通仮設費3" localSheetId="2">#REF!</definedName>
    <definedName name="Z共通仮設費3">#REF!</definedName>
    <definedName name="Z現場間接費" localSheetId="4">#REF!</definedName>
    <definedName name="Z現場間接費" localSheetId="5">#REF!</definedName>
    <definedName name="Z現場間接費" localSheetId="6">#REF!</definedName>
    <definedName name="Z現場間接費" localSheetId="7">#REF!</definedName>
    <definedName name="Z現場間接費" localSheetId="8">#REF!</definedName>
    <definedName name="Z現場間接費" localSheetId="2">#REF!</definedName>
    <definedName name="Z現場間接費">#REF!</definedName>
    <definedName name="Z現場間接費1" localSheetId="4">#REF!</definedName>
    <definedName name="Z現場間接費1" localSheetId="5">#REF!</definedName>
    <definedName name="Z現場間接費1" localSheetId="6">#REF!</definedName>
    <definedName name="Z現場間接費1" localSheetId="7">#REF!</definedName>
    <definedName name="Z現場間接費1" localSheetId="8">#REF!</definedName>
    <definedName name="Z現場間接費1" localSheetId="2">#REF!</definedName>
    <definedName name="Z現場間接費1">#REF!</definedName>
    <definedName name="Z現場間接費2" localSheetId="4">#REF!</definedName>
    <definedName name="Z現場間接費2" localSheetId="5">#REF!</definedName>
    <definedName name="Z現場間接費2" localSheetId="6">#REF!</definedName>
    <definedName name="Z現場間接費2" localSheetId="7">#REF!</definedName>
    <definedName name="Z現場間接費2" localSheetId="8">#REF!</definedName>
    <definedName name="Z現場間接費2" localSheetId="2">#REF!</definedName>
    <definedName name="Z現場間接費2">#REF!</definedName>
    <definedName name="Z現場間接費3" localSheetId="4">#REF!</definedName>
    <definedName name="Z現場間接費3" localSheetId="5">#REF!</definedName>
    <definedName name="Z現場間接費3" localSheetId="6">#REF!</definedName>
    <definedName name="Z現場間接費3" localSheetId="7">#REF!</definedName>
    <definedName name="Z現場間接費3" localSheetId="8">#REF!</definedName>
    <definedName name="Z現場間接費3" localSheetId="2">#REF!</definedName>
    <definedName name="Z現場間接費3">#REF!</definedName>
    <definedName name="Z工事価格" localSheetId="4">#REF!</definedName>
    <definedName name="Z工事価格" localSheetId="5">#REF!</definedName>
    <definedName name="Z工事価格" localSheetId="6">#REF!</definedName>
    <definedName name="Z工事価格" localSheetId="7">#REF!</definedName>
    <definedName name="Z工事価格" localSheetId="8">#REF!</definedName>
    <definedName name="Z工事価格" localSheetId="2">#REF!</definedName>
    <definedName name="Z工事価格">#REF!</definedName>
    <definedName name="Z工事価格1" localSheetId="4">#REF!</definedName>
    <definedName name="Z工事価格1" localSheetId="5">#REF!</definedName>
    <definedName name="Z工事価格1" localSheetId="6">#REF!</definedName>
    <definedName name="Z工事価格1" localSheetId="7">#REF!</definedName>
    <definedName name="Z工事価格1" localSheetId="8">#REF!</definedName>
    <definedName name="Z工事価格1" localSheetId="2">#REF!</definedName>
    <definedName name="Z工事価格1">#REF!</definedName>
    <definedName name="Z工事価格2" localSheetId="4">#REF!</definedName>
    <definedName name="Z工事価格2" localSheetId="5">#REF!</definedName>
    <definedName name="Z工事価格2" localSheetId="6">#REF!</definedName>
    <definedName name="Z工事価格2" localSheetId="7">#REF!</definedName>
    <definedName name="Z工事価格2" localSheetId="8">#REF!</definedName>
    <definedName name="Z工事価格2" localSheetId="2">#REF!</definedName>
    <definedName name="Z工事価格2">#REF!</definedName>
    <definedName name="Z工事価格3" localSheetId="4">#REF!</definedName>
    <definedName name="Z工事価格3" localSheetId="5">#REF!</definedName>
    <definedName name="Z工事価格3" localSheetId="6">#REF!</definedName>
    <definedName name="Z工事価格3" localSheetId="7">#REF!</definedName>
    <definedName name="Z工事価格3" localSheetId="8">#REF!</definedName>
    <definedName name="Z工事価格3" localSheetId="2">#REF!</definedName>
    <definedName name="Z工事価格3">#REF!</definedName>
    <definedName name="Z工事原価" localSheetId="4">#REF!</definedName>
    <definedName name="Z工事原価" localSheetId="5">#REF!</definedName>
    <definedName name="Z工事原価" localSheetId="6">#REF!</definedName>
    <definedName name="Z工事原価" localSheetId="7">#REF!</definedName>
    <definedName name="Z工事原価" localSheetId="8">#REF!</definedName>
    <definedName name="Z工事原価" localSheetId="2">#REF!</definedName>
    <definedName name="Z工事原価">#REF!</definedName>
    <definedName name="Z工事原価1" localSheetId="4">#REF!</definedName>
    <definedName name="Z工事原価1" localSheetId="5">#REF!</definedName>
    <definedName name="Z工事原価1" localSheetId="6">#REF!</definedName>
    <definedName name="Z工事原価1" localSheetId="7">#REF!</definedName>
    <definedName name="Z工事原価1" localSheetId="8">#REF!</definedName>
    <definedName name="Z工事原価1" localSheetId="2">#REF!</definedName>
    <definedName name="Z工事原価1">#REF!</definedName>
    <definedName name="Z工事原価2" localSheetId="4">#REF!</definedName>
    <definedName name="Z工事原価2" localSheetId="5">#REF!</definedName>
    <definedName name="Z工事原価2" localSheetId="6">#REF!</definedName>
    <definedName name="Z工事原価2" localSheetId="7">#REF!</definedName>
    <definedName name="Z工事原価2" localSheetId="8">#REF!</definedName>
    <definedName name="Z工事原価2" localSheetId="2">#REF!</definedName>
    <definedName name="Z工事原価2">#REF!</definedName>
    <definedName name="Z工事原価3" localSheetId="4">#REF!</definedName>
    <definedName name="Z工事原価3" localSheetId="5">#REF!</definedName>
    <definedName name="Z工事原価3" localSheetId="6">#REF!</definedName>
    <definedName name="Z工事原価3" localSheetId="7">#REF!</definedName>
    <definedName name="Z工事原価3" localSheetId="8">#REF!</definedName>
    <definedName name="Z工事原価3" localSheetId="2">#REF!</definedName>
    <definedName name="Z工事原価3">#REF!</definedName>
    <definedName name="Z工派計" localSheetId="4">#REF!</definedName>
    <definedName name="Z工派計" localSheetId="5">#REF!</definedName>
    <definedName name="Z工派計" localSheetId="6">#REF!</definedName>
    <definedName name="Z工派計" localSheetId="7">#REF!</definedName>
    <definedName name="Z工派計" localSheetId="8">#REF!</definedName>
    <definedName name="Z工派計" localSheetId="2">#REF!</definedName>
    <definedName name="Z工派計">#REF!</definedName>
    <definedName name="Z工派計1" localSheetId="4">#REF!</definedName>
    <definedName name="Z工派計1" localSheetId="5">#REF!</definedName>
    <definedName name="Z工派計1" localSheetId="6">#REF!</definedName>
    <definedName name="Z工派計1" localSheetId="7">#REF!</definedName>
    <definedName name="Z工派計1" localSheetId="8">#REF!</definedName>
    <definedName name="Z工派計1" localSheetId="2">#REF!</definedName>
    <definedName name="Z工派計1">#REF!</definedName>
    <definedName name="Z工派計2" localSheetId="4">#REF!</definedName>
    <definedName name="Z工派計2" localSheetId="5">#REF!</definedName>
    <definedName name="Z工派計2" localSheetId="6">#REF!</definedName>
    <definedName name="Z工派計2" localSheetId="7">#REF!</definedName>
    <definedName name="Z工派計2" localSheetId="8">#REF!</definedName>
    <definedName name="Z工派計2" localSheetId="2">#REF!</definedName>
    <definedName name="Z工派計2">#REF!</definedName>
    <definedName name="Z工派計3" localSheetId="4">#REF!</definedName>
    <definedName name="Z工派計3" localSheetId="5">#REF!</definedName>
    <definedName name="Z工派計3" localSheetId="6">#REF!</definedName>
    <definedName name="Z工派計3" localSheetId="7">#REF!</definedName>
    <definedName name="Z工派計3" localSheetId="8">#REF!</definedName>
    <definedName name="Z工派計3" localSheetId="2">#REF!</definedName>
    <definedName name="Z工派計3">#REF!</definedName>
    <definedName name="Z工派試験" localSheetId="4">#REF!</definedName>
    <definedName name="Z工派試験" localSheetId="5">#REF!</definedName>
    <definedName name="Z工派試験" localSheetId="6">#REF!</definedName>
    <definedName name="Z工派試験" localSheetId="7">#REF!</definedName>
    <definedName name="Z工派試験" localSheetId="8">#REF!</definedName>
    <definedName name="Z工派試験" localSheetId="2">#REF!</definedName>
    <definedName name="Z工派試験">#REF!</definedName>
    <definedName name="Z工派試験1" localSheetId="4">#REF!</definedName>
    <definedName name="Z工派試験1" localSheetId="5">#REF!</definedName>
    <definedName name="Z工派試験1" localSheetId="6">#REF!</definedName>
    <definedName name="Z工派試験1" localSheetId="7">#REF!</definedName>
    <definedName name="Z工派試験1" localSheetId="8">#REF!</definedName>
    <definedName name="Z工派試験1" localSheetId="2">#REF!</definedName>
    <definedName name="Z工派試験1">#REF!</definedName>
    <definedName name="Z工派試験2" localSheetId="4">#REF!</definedName>
    <definedName name="Z工派試験2" localSheetId="5">#REF!</definedName>
    <definedName name="Z工派試験2" localSheetId="6">#REF!</definedName>
    <definedName name="Z工派試験2" localSheetId="7">#REF!</definedName>
    <definedName name="Z工派試験2" localSheetId="8">#REF!</definedName>
    <definedName name="Z工派試験2" localSheetId="2">#REF!</definedName>
    <definedName name="Z工派試験2">#REF!</definedName>
    <definedName name="Z工派試験3" localSheetId="4">#REF!</definedName>
    <definedName name="Z工派試験3" localSheetId="5">#REF!</definedName>
    <definedName name="Z工派試験3" localSheetId="6">#REF!</definedName>
    <definedName name="Z工派試験3" localSheetId="7">#REF!</definedName>
    <definedName name="Z工派試験3" localSheetId="8">#REF!</definedName>
    <definedName name="Z工派試験3" localSheetId="2">#REF!</definedName>
    <definedName name="Z工派試験3">#REF!</definedName>
    <definedName name="Z工派据付" localSheetId="4">#REF!</definedName>
    <definedName name="Z工派据付" localSheetId="5">#REF!</definedName>
    <definedName name="Z工派据付" localSheetId="6">#REF!</definedName>
    <definedName name="Z工派据付" localSheetId="7">#REF!</definedName>
    <definedName name="Z工派据付" localSheetId="8">#REF!</definedName>
    <definedName name="Z工派据付" localSheetId="2">#REF!</definedName>
    <definedName name="Z工派据付">#REF!</definedName>
    <definedName name="Z工派据付1" localSheetId="4">#REF!</definedName>
    <definedName name="Z工派据付1" localSheetId="5">#REF!</definedName>
    <definedName name="Z工派据付1" localSheetId="6">#REF!</definedName>
    <definedName name="Z工派据付1" localSheetId="7">#REF!</definedName>
    <definedName name="Z工派据付1" localSheetId="8">#REF!</definedName>
    <definedName name="Z工派据付1" localSheetId="2">#REF!</definedName>
    <definedName name="Z工派据付1">#REF!</definedName>
    <definedName name="Z工派据付2" localSheetId="4">#REF!</definedName>
    <definedName name="Z工派据付2" localSheetId="5">#REF!</definedName>
    <definedName name="Z工派据付2" localSheetId="6">#REF!</definedName>
    <definedName name="Z工派据付2" localSheetId="7">#REF!</definedName>
    <definedName name="Z工派据付2" localSheetId="8">#REF!</definedName>
    <definedName name="Z工派据付2" localSheetId="2">#REF!</definedName>
    <definedName name="Z工派据付2">#REF!</definedName>
    <definedName name="Z工派据付3" localSheetId="4">#REF!</definedName>
    <definedName name="Z工派据付3" localSheetId="5">#REF!</definedName>
    <definedName name="Z工派据付3" localSheetId="6">#REF!</definedName>
    <definedName name="Z工派据付3" localSheetId="7">#REF!</definedName>
    <definedName name="Z工派据付3" localSheetId="8">#REF!</definedName>
    <definedName name="Z工派据付3" localSheetId="2">#REF!</definedName>
    <definedName name="Z工派据付3">#REF!</definedName>
    <definedName name="Z材料費" localSheetId="4">#REF!</definedName>
    <definedName name="Z材料費" localSheetId="5">#REF!</definedName>
    <definedName name="Z材料費" localSheetId="6">#REF!</definedName>
    <definedName name="Z材料費" localSheetId="7">#REF!</definedName>
    <definedName name="Z材料費" localSheetId="8">#REF!</definedName>
    <definedName name="Z材料費" localSheetId="2">#REF!</definedName>
    <definedName name="Z材料費">#REF!</definedName>
    <definedName name="Z材料費1" localSheetId="4">#REF!</definedName>
    <definedName name="Z材料費1" localSheetId="5">#REF!</definedName>
    <definedName name="Z材料費1" localSheetId="6">#REF!</definedName>
    <definedName name="Z材料費1" localSheetId="7">#REF!</definedName>
    <definedName name="Z材料費1" localSheetId="8">#REF!</definedName>
    <definedName name="Z材料費1" localSheetId="2">#REF!</definedName>
    <definedName name="Z材料費1">#REF!</definedName>
    <definedName name="Z材料費2" localSheetId="4">#REF!</definedName>
    <definedName name="Z材料費2" localSheetId="5">#REF!</definedName>
    <definedName name="Z材料費2" localSheetId="6">#REF!</definedName>
    <definedName name="Z材料費2" localSheetId="7">#REF!</definedName>
    <definedName name="Z材料費2" localSheetId="8">#REF!</definedName>
    <definedName name="Z材料費2" localSheetId="2">#REF!</definedName>
    <definedName name="Z材料費2">#REF!</definedName>
    <definedName name="Z材料費3" localSheetId="4">#REF!</definedName>
    <definedName name="Z材料費3" localSheetId="5">#REF!</definedName>
    <definedName name="Z材料費3" localSheetId="6">#REF!</definedName>
    <definedName name="Z材料費3" localSheetId="7">#REF!</definedName>
    <definedName name="Z材料費3" localSheetId="8">#REF!</definedName>
    <definedName name="Z材料費3" localSheetId="2">#REF!</definedName>
    <definedName name="Z材料費3">#REF!</definedName>
    <definedName name="Z試運転費" localSheetId="4">#REF!</definedName>
    <definedName name="Z試運転費" localSheetId="5">#REF!</definedName>
    <definedName name="Z試運転費" localSheetId="6">#REF!</definedName>
    <definedName name="Z試運転費" localSheetId="7">#REF!</definedName>
    <definedName name="Z試運転費" localSheetId="8">#REF!</definedName>
    <definedName name="Z試運転費" localSheetId="2">#REF!</definedName>
    <definedName name="Z試運転費">#REF!</definedName>
    <definedName name="Z試運転費1" localSheetId="4">#REF!</definedName>
    <definedName name="Z試運転費1" localSheetId="5">#REF!</definedName>
    <definedName name="Z試運転費1" localSheetId="6">#REF!</definedName>
    <definedName name="Z試運転費1" localSheetId="7">#REF!</definedName>
    <definedName name="Z試運転費1" localSheetId="8">#REF!</definedName>
    <definedName name="Z試運転費1" localSheetId="2">#REF!</definedName>
    <definedName name="Z試運転費1">#REF!</definedName>
    <definedName name="Z試運転費2" localSheetId="4">#REF!</definedName>
    <definedName name="Z試運転費2" localSheetId="5">#REF!</definedName>
    <definedName name="Z試運転費2" localSheetId="6">#REF!</definedName>
    <definedName name="Z試運転費2" localSheetId="7">#REF!</definedName>
    <definedName name="Z試運転費2" localSheetId="8">#REF!</definedName>
    <definedName name="Z試運転費2" localSheetId="2">#REF!</definedName>
    <definedName name="Z試運転費2">#REF!</definedName>
    <definedName name="Z試運転費3" localSheetId="4">#REF!</definedName>
    <definedName name="Z試運転費3" localSheetId="5">#REF!</definedName>
    <definedName name="Z試運転費3" localSheetId="6">#REF!</definedName>
    <definedName name="Z試運転費3" localSheetId="7">#REF!</definedName>
    <definedName name="Z試運転費3" localSheetId="8">#REF!</definedName>
    <definedName name="Z試運転費3" localSheetId="2">#REF!</definedName>
    <definedName name="Z試運転費3">#REF!</definedName>
    <definedName name="Z純工事" localSheetId="4">#REF!</definedName>
    <definedName name="Z純工事" localSheetId="5">#REF!</definedName>
    <definedName name="Z純工事" localSheetId="6">#REF!</definedName>
    <definedName name="Z純工事" localSheetId="7">#REF!</definedName>
    <definedName name="Z純工事" localSheetId="8">#REF!</definedName>
    <definedName name="Z純工事" localSheetId="2">#REF!</definedName>
    <definedName name="Z純工事">#REF!</definedName>
    <definedName name="Z純工事1" localSheetId="4">#REF!</definedName>
    <definedName name="Z純工事1" localSheetId="5">#REF!</definedName>
    <definedName name="Z純工事1" localSheetId="6">#REF!</definedName>
    <definedName name="Z純工事1" localSheetId="7">#REF!</definedName>
    <definedName name="Z純工事1" localSheetId="8">#REF!</definedName>
    <definedName name="Z純工事1" localSheetId="2">#REF!</definedName>
    <definedName name="Z純工事1">#REF!</definedName>
    <definedName name="Z純工事2" localSheetId="4">#REF!</definedName>
    <definedName name="Z純工事2" localSheetId="5">#REF!</definedName>
    <definedName name="Z純工事2" localSheetId="6">#REF!</definedName>
    <definedName name="Z純工事2" localSheetId="7">#REF!</definedName>
    <definedName name="Z純工事2" localSheetId="8">#REF!</definedName>
    <definedName name="Z純工事2" localSheetId="2">#REF!</definedName>
    <definedName name="Z純工事2">#REF!</definedName>
    <definedName name="Z純工事3" localSheetId="4">#REF!</definedName>
    <definedName name="Z純工事3" localSheetId="5">#REF!</definedName>
    <definedName name="Z純工事3" localSheetId="6">#REF!</definedName>
    <definedName name="Z純工事3" localSheetId="7">#REF!</definedName>
    <definedName name="Z純工事3" localSheetId="8">#REF!</definedName>
    <definedName name="Z純工事3" localSheetId="2">#REF!</definedName>
    <definedName name="Z純工事3">#REF!</definedName>
    <definedName name="Z水道光熱" localSheetId="4">#REF!</definedName>
    <definedName name="Z水道光熱" localSheetId="5">#REF!</definedName>
    <definedName name="Z水道光熱" localSheetId="6">#REF!</definedName>
    <definedName name="Z水道光熱" localSheetId="7">#REF!</definedName>
    <definedName name="Z水道光熱" localSheetId="8">#REF!</definedName>
    <definedName name="Z水道光熱" localSheetId="2">#REF!</definedName>
    <definedName name="Z水道光熱">#REF!</definedName>
    <definedName name="Z水道光熱1" localSheetId="4">#REF!</definedName>
    <definedName name="Z水道光熱1" localSheetId="5">#REF!</definedName>
    <definedName name="Z水道光熱1" localSheetId="6">#REF!</definedName>
    <definedName name="Z水道光熱1" localSheetId="7">#REF!</definedName>
    <definedName name="Z水道光熱1" localSheetId="8">#REF!</definedName>
    <definedName name="Z水道光熱1" localSheetId="2">#REF!</definedName>
    <definedName name="Z水道光熱1">#REF!</definedName>
    <definedName name="Z水道光熱2" localSheetId="4">#REF!</definedName>
    <definedName name="Z水道光熱2" localSheetId="5">#REF!</definedName>
    <definedName name="Z水道光熱2" localSheetId="6">#REF!</definedName>
    <definedName name="Z水道光熱2" localSheetId="7">#REF!</definedName>
    <definedName name="Z水道光熱2" localSheetId="8">#REF!</definedName>
    <definedName name="Z水道光熱2" localSheetId="2">#REF!</definedName>
    <definedName name="Z水道光熱2">#REF!</definedName>
    <definedName name="Z水道光熱3" localSheetId="4">#REF!</definedName>
    <definedName name="Z水道光熱3" localSheetId="5">#REF!</definedName>
    <definedName name="Z水道光熱3" localSheetId="6">#REF!</definedName>
    <definedName name="Z水道光熱3" localSheetId="7">#REF!</definedName>
    <definedName name="Z水道光熱3" localSheetId="8">#REF!</definedName>
    <definedName name="Z水道光熱3" localSheetId="2">#REF!</definedName>
    <definedName name="Z水道光熱3">#REF!</definedName>
    <definedName name="Z据付間接費" localSheetId="4">#REF!</definedName>
    <definedName name="Z据付間接費" localSheetId="5">#REF!</definedName>
    <definedName name="Z据付間接費" localSheetId="6">#REF!</definedName>
    <definedName name="Z据付間接費" localSheetId="7">#REF!</definedName>
    <definedName name="Z据付間接費" localSheetId="8">#REF!</definedName>
    <definedName name="Z据付間接費" localSheetId="2">#REF!</definedName>
    <definedName name="Z据付間接費">#REF!</definedName>
    <definedName name="Z据付間接費1" localSheetId="4">#REF!</definedName>
    <definedName name="Z据付間接費1" localSheetId="5">#REF!</definedName>
    <definedName name="Z据付間接費1" localSheetId="6">#REF!</definedName>
    <definedName name="Z据付間接費1" localSheetId="7">#REF!</definedName>
    <definedName name="Z据付間接費1" localSheetId="8">#REF!</definedName>
    <definedName name="Z据付間接費1" localSheetId="2">#REF!</definedName>
    <definedName name="Z据付間接費1">#REF!</definedName>
    <definedName name="Z据付間接費2" localSheetId="4">#REF!</definedName>
    <definedName name="Z据付間接費2" localSheetId="5">#REF!</definedName>
    <definedName name="Z据付間接費2" localSheetId="6">#REF!</definedName>
    <definedName name="Z据付間接費2" localSheetId="7">#REF!</definedName>
    <definedName name="Z据付間接費2" localSheetId="8">#REF!</definedName>
    <definedName name="Z据付間接費2" localSheetId="2">#REF!</definedName>
    <definedName name="Z据付間接費2">#REF!</definedName>
    <definedName name="Z据付間接費3" localSheetId="4">#REF!</definedName>
    <definedName name="Z据付間接費3" localSheetId="5">#REF!</definedName>
    <definedName name="Z据付間接費3" localSheetId="6">#REF!</definedName>
    <definedName name="Z据付間接費3" localSheetId="7">#REF!</definedName>
    <definedName name="Z据付間接費3" localSheetId="8">#REF!</definedName>
    <definedName name="Z据付間接費3" localSheetId="2">#REF!</definedName>
    <definedName name="Z据付間接費3">#REF!</definedName>
    <definedName name="Z据付工間接" localSheetId="4">#REF!</definedName>
    <definedName name="Z据付工間接" localSheetId="5">#REF!</definedName>
    <definedName name="Z据付工間接" localSheetId="6">#REF!</definedName>
    <definedName name="Z据付工間接" localSheetId="7">#REF!</definedName>
    <definedName name="Z据付工間接" localSheetId="8">#REF!</definedName>
    <definedName name="Z据付工間接" localSheetId="2">#REF!</definedName>
    <definedName name="Z据付工間接">#REF!</definedName>
    <definedName name="Z据付工間接1" localSheetId="4">#REF!</definedName>
    <definedName name="Z据付工間接1" localSheetId="5">#REF!</definedName>
    <definedName name="Z据付工間接1" localSheetId="6">#REF!</definedName>
    <definedName name="Z据付工間接1" localSheetId="7">#REF!</definedName>
    <definedName name="Z据付工間接1" localSheetId="8">#REF!</definedName>
    <definedName name="Z据付工間接1" localSheetId="2">#REF!</definedName>
    <definedName name="Z据付工間接1">#REF!</definedName>
    <definedName name="Z据付工間接2" localSheetId="4">#REF!</definedName>
    <definedName name="Z据付工間接2" localSheetId="5">#REF!</definedName>
    <definedName name="Z据付工間接2" localSheetId="6">#REF!</definedName>
    <definedName name="Z据付工間接2" localSheetId="7">#REF!</definedName>
    <definedName name="Z据付工間接2" localSheetId="8">#REF!</definedName>
    <definedName name="Z据付工間接2" localSheetId="2">#REF!</definedName>
    <definedName name="Z据付工間接2">#REF!</definedName>
    <definedName name="Z据付工間接3" localSheetId="4">#REF!</definedName>
    <definedName name="Z据付工間接3" localSheetId="5">#REF!</definedName>
    <definedName name="Z据付工間接3" localSheetId="6">#REF!</definedName>
    <definedName name="Z据付工間接3" localSheetId="7">#REF!</definedName>
    <definedName name="Z据付工間接3" localSheetId="8">#REF!</definedName>
    <definedName name="Z据付工間接3" localSheetId="2">#REF!</definedName>
    <definedName name="Z据付工間接3">#REF!</definedName>
    <definedName name="Z据付費" localSheetId="4">#REF!</definedName>
    <definedName name="Z据付費" localSheetId="5">#REF!</definedName>
    <definedName name="Z据付費" localSheetId="6">#REF!</definedName>
    <definedName name="Z据付費" localSheetId="7">#REF!</definedName>
    <definedName name="Z据付費" localSheetId="8">#REF!</definedName>
    <definedName name="Z据付費" localSheetId="2">#REF!</definedName>
    <definedName name="Z据付費">#REF!</definedName>
    <definedName name="Z据付費1" localSheetId="4">#REF!</definedName>
    <definedName name="Z据付費1" localSheetId="5">#REF!</definedName>
    <definedName name="Z据付費1" localSheetId="6">#REF!</definedName>
    <definedName name="Z据付費1" localSheetId="7">#REF!</definedName>
    <definedName name="Z据付費1" localSheetId="8">#REF!</definedName>
    <definedName name="Z据付費1" localSheetId="2">#REF!</definedName>
    <definedName name="Z据付費1">#REF!</definedName>
    <definedName name="Z据付費2" localSheetId="4">#REF!</definedName>
    <definedName name="Z据付費2" localSheetId="5">#REF!</definedName>
    <definedName name="Z据付費2" localSheetId="6">#REF!</definedName>
    <definedName name="Z据付費2" localSheetId="7">#REF!</definedName>
    <definedName name="Z据付費2" localSheetId="8">#REF!</definedName>
    <definedName name="Z据付費2" localSheetId="2">#REF!</definedName>
    <definedName name="Z据付費2">#REF!</definedName>
    <definedName name="Z据付費3" localSheetId="4">#REF!</definedName>
    <definedName name="Z据付費3" localSheetId="5">#REF!</definedName>
    <definedName name="Z据付費3" localSheetId="6">#REF!</definedName>
    <definedName name="Z据付費3" localSheetId="7">#REF!</definedName>
    <definedName name="Z据付費3" localSheetId="8">#REF!</definedName>
    <definedName name="Z据付費3" localSheetId="2">#REF!</definedName>
    <definedName name="Z据付費3">#REF!</definedName>
    <definedName name="Z組合せ試験" localSheetId="4">#REF!</definedName>
    <definedName name="Z組合せ試験" localSheetId="5">#REF!</definedName>
    <definedName name="Z組合せ試験" localSheetId="6">#REF!</definedName>
    <definedName name="Z組合せ試験" localSheetId="7">#REF!</definedName>
    <definedName name="Z組合せ試験" localSheetId="8">#REF!</definedName>
    <definedName name="Z組合せ試験" localSheetId="2">#REF!</definedName>
    <definedName name="Z組合せ試験">#REF!</definedName>
    <definedName name="Z組合せ試験1" localSheetId="4">#REF!</definedName>
    <definedName name="Z組合せ試験1" localSheetId="5">#REF!</definedName>
    <definedName name="Z組合せ試験1" localSheetId="6">#REF!</definedName>
    <definedName name="Z組合せ試験1" localSheetId="7">#REF!</definedName>
    <definedName name="Z組合せ試験1" localSheetId="8">#REF!</definedName>
    <definedName name="Z組合せ試験1" localSheetId="2">#REF!</definedName>
    <definedName name="Z組合せ試験1">#REF!</definedName>
    <definedName name="Z組合せ試験2" localSheetId="4">#REF!</definedName>
    <definedName name="Z組合せ試験2" localSheetId="5">#REF!</definedName>
    <definedName name="Z組合せ試験2" localSheetId="6">#REF!</definedName>
    <definedName name="Z組合せ試験2" localSheetId="7">#REF!</definedName>
    <definedName name="Z組合せ試験2" localSheetId="8">#REF!</definedName>
    <definedName name="Z組合せ試験2" localSheetId="2">#REF!</definedName>
    <definedName name="Z組合せ試験2">#REF!</definedName>
    <definedName name="Z組合せ試験3" localSheetId="4">#REF!</definedName>
    <definedName name="Z組合せ試験3" localSheetId="5">#REF!</definedName>
    <definedName name="Z組合せ試験3" localSheetId="6">#REF!</definedName>
    <definedName name="Z組合せ試験3" localSheetId="7">#REF!</definedName>
    <definedName name="Z組合せ試験3" localSheetId="8">#REF!</definedName>
    <definedName name="Z組合せ試験3" localSheetId="2">#REF!</definedName>
    <definedName name="Z組合せ試験3">#REF!</definedName>
    <definedName name="Z総合試運転" localSheetId="4">#REF!</definedName>
    <definedName name="Z総合試運転" localSheetId="5">#REF!</definedName>
    <definedName name="Z総合試運転" localSheetId="6">#REF!</definedName>
    <definedName name="Z総合試運転" localSheetId="7">#REF!</definedName>
    <definedName name="Z総合試運転" localSheetId="8">#REF!</definedName>
    <definedName name="Z総合試運転" localSheetId="2">#REF!</definedName>
    <definedName name="Z総合試運転">#REF!</definedName>
    <definedName name="Z総合試運転1" localSheetId="4">#REF!</definedName>
    <definedName name="Z総合試運転1" localSheetId="5">#REF!</definedName>
    <definedName name="Z総合試運転1" localSheetId="6">#REF!</definedName>
    <definedName name="Z総合試運転1" localSheetId="7">#REF!</definedName>
    <definedName name="Z総合試運転1" localSheetId="8">#REF!</definedName>
    <definedName name="Z総合試運転1" localSheetId="2">#REF!</definedName>
    <definedName name="Z総合試運転1">#REF!</definedName>
    <definedName name="Z総合試運転2" localSheetId="4">#REF!</definedName>
    <definedName name="Z総合試運転2" localSheetId="5">#REF!</definedName>
    <definedName name="Z総合試運転2" localSheetId="6">#REF!</definedName>
    <definedName name="Z総合試運転2" localSheetId="7">#REF!</definedName>
    <definedName name="Z総合試運転2" localSheetId="8">#REF!</definedName>
    <definedName name="Z総合試運転2" localSheetId="2">#REF!</definedName>
    <definedName name="Z総合試運転2">#REF!</definedName>
    <definedName name="Z総合試運転3" localSheetId="4">#REF!</definedName>
    <definedName name="Z総合試運転3" localSheetId="5">#REF!</definedName>
    <definedName name="Z総合試運転3" localSheetId="6">#REF!</definedName>
    <definedName name="Z総合試運転3" localSheetId="7">#REF!</definedName>
    <definedName name="Z総合試運転3" localSheetId="8">#REF!</definedName>
    <definedName name="Z総合試運転3" localSheetId="2">#REF!</definedName>
    <definedName name="Z総合試運転3">#REF!</definedName>
    <definedName name="Z直工" localSheetId="4">#REF!</definedName>
    <definedName name="Z直工" localSheetId="5">#REF!</definedName>
    <definedName name="Z直工" localSheetId="6">#REF!</definedName>
    <definedName name="Z直工" localSheetId="7">#REF!</definedName>
    <definedName name="Z直工" localSheetId="8">#REF!</definedName>
    <definedName name="Z直工" localSheetId="2">#REF!</definedName>
    <definedName name="Z直工">#REF!</definedName>
    <definedName name="Z直工1" localSheetId="4">#REF!</definedName>
    <definedName name="Z直工1" localSheetId="5">#REF!</definedName>
    <definedName name="Z直工1" localSheetId="6">#REF!</definedName>
    <definedName name="Z直工1" localSheetId="7">#REF!</definedName>
    <definedName name="Z直工1" localSheetId="8">#REF!</definedName>
    <definedName name="Z直工1" localSheetId="2">#REF!</definedName>
    <definedName name="Z直工1">#REF!</definedName>
    <definedName name="Z直工2" localSheetId="4">#REF!</definedName>
    <definedName name="Z直工2" localSheetId="5">#REF!</definedName>
    <definedName name="Z直工2" localSheetId="6">#REF!</definedName>
    <definedName name="Z直工2" localSheetId="7">#REF!</definedName>
    <definedName name="Z直工2" localSheetId="8">#REF!</definedName>
    <definedName name="Z直工2" localSheetId="2">#REF!</definedName>
    <definedName name="Z直工2">#REF!</definedName>
    <definedName name="Z直工3" localSheetId="4">#REF!</definedName>
    <definedName name="Z直工3" localSheetId="5">#REF!</definedName>
    <definedName name="Z直工3" localSheetId="6">#REF!</definedName>
    <definedName name="Z直工3" localSheetId="7">#REF!</definedName>
    <definedName name="Z直工3" localSheetId="8">#REF!</definedName>
    <definedName name="Z直工3" localSheetId="2">#REF!</definedName>
    <definedName name="Z直工3">#REF!</definedName>
    <definedName name="Z直接経費" localSheetId="4">#REF!</definedName>
    <definedName name="Z直接経費" localSheetId="5">#REF!</definedName>
    <definedName name="Z直接経費" localSheetId="6">#REF!</definedName>
    <definedName name="Z直接経費" localSheetId="7">#REF!</definedName>
    <definedName name="Z直接経費" localSheetId="8">#REF!</definedName>
    <definedName name="Z直接経費" localSheetId="2">#REF!</definedName>
    <definedName name="Z直接経費">#REF!</definedName>
    <definedName name="Z直接経費1" localSheetId="4">#REF!</definedName>
    <definedName name="Z直接経費1" localSheetId="5">#REF!</definedName>
    <definedName name="Z直接経費1" localSheetId="6">#REF!</definedName>
    <definedName name="Z直接経費1" localSheetId="7">#REF!</definedName>
    <definedName name="Z直接経費1" localSheetId="8">#REF!</definedName>
    <definedName name="Z直接経費1" localSheetId="2">#REF!</definedName>
    <definedName name="Z直接経費1">#REF!</definedName>
    <definedName name="Z直接経費2" localSheetId="4">#REF!</definedName>
    <definedName name="Z直接経費2" localSheetId="5">#REF!</definedName>
    <definedName name="Z直接経費2" localSheetId="6">#REF!</definedName>
    <definedName name="Z直接経費2" localSheetId="7">#REF!</definedName>
    <definedName name="Z直接経費2" localSheetId="8">#REF!</definedName>
    <definedName name="Z直接経費2" localSheetId="2">#REF!</definedName>
    <definedName name="Z直接経費2">#REF!</definedName>
    <definedName name="Z直接経費3" localSheetId="4">#REF!</definedName>
    <definedName name="Z直接経費3" localSheetId="5">#REF!</definedName>
    <definedName name="Z直接経費3" localSheetId="6">#REF!</definedName>
    <definedName name="Z直接経費3" localSheetId="7">#REF!</definedName>
    <definedName name="Z直接経費3" localSheetId="8">#REF!</definedName>
    <definedName name="Z直接経費3" localSheetId="2">#REF!</definedName>
    <definedName name="Z直接経費3">#REF!</definedName>
    <definedName name="Z直接材料費" localSheetId="4">#REF!</definedName>
    <definedName name="Z直接材料費" localSheetId="5">#REF!</definedName>
    <definedName name="Z直接材料費" localSheetId="6">#REF!</definedName>
    <definedName name="Z直接材料費" localSheetId="7">#REF!</definedName>
    <definedName name="Z直接材料費" localSheetId="8">#REF!</definedName>
    <definedName name="Z直接材料費" localSheetId="2">#REF!</definedName>
    <definedName name="Z直接材料費">#REF!</definedName>
    <definedName name="Z直接材料費1" localSheetId="4">#REF!</definedName>
    <definedName name="Z直接材料費1" localSheetId="5">#REF!</definedName>
    <definedName name="Z直接材料費1" localSheetId="6">#REF!</definedName>
    <definedName name="Z直接材料費1" localSheetId="7">#REF!</definedName>
    <definedName name="Z直接材料費1" localSheetId="8">#REF!</definedName>
    <definedName name="Z直接材料費1" localSheetId="2">#REF!</definedName>
    <definedName name="Z直接材料費1">#REF!</definedName>
    <definedName name="Z直接材料費2" localSheetId="4">#REF!</definedName>
    <definedName name="Z直接材料費2" localSheetId="5">#REF!</definedName>
    <definedName name="Z直接材料費2" localSheetId="6">#REF!</definedName>
    <definedName name="Z直接材料費2" localSheetId="7">#REF!</definedName>
    <definedName name="Z直接材料費2" localSheetId="8">#REF!</definedName>
    <definedName name="Z直接材料費2" localSheetId="2">#REF!</definedName>
    <definedName name="Z直接材料費2">#REF!</definedName>
    <definedName name="Z直接材料費3" localSheetId="4">#REF!</definedName>
    <definedName name="Z直接材料費3" localSheetId="5">#REF!</definedName>
    <definedName name="Z直接材料費3" localSheetId="6">#REF!</definedName>
    <definedName name="Z直接材料費3" localSheetId="7">#REF!</definedName>
    <definedName name="Z直接材料費3" localSheetId="8">#REF!</definedName>
    <definedName name="Z直接材料費3" localSheetId="2">#REF!</definedName>
    <definedName name="Z直接材料費3">#REF!</definedName>
    <definedName name="Z直接労務費" localSheetId="4">#REF!</definedName>
    <definedName name="Z直接労務費" localSheetId="5">#REF!</definedName>
    <definedName name="Z直接労務費" localSheetId="6">#REF!</definedName>
    <definedName name="Z直接労務費" localSheetId="7">#REF!</definedName>
    <definedName name="Z直接労務費" localSheetId="8">#REF!</definedName>
    <definedName name="Z直接労務費" localSheetId="2">#REF!</definedName>
    <definedName name="Z直接労務費">#REF!</definedName>
    <definedName name="Z直接労務費1" localSheetId="4">#REF!</definedName>
    <definedName name="Z直接労務費1" localSheetId="5">#REF!</definedName>
    <definedName name="Z直接労務費1" localSheetId="6">#REF!</definedName>
    <definedName name="Z直接労務費1" localSheetId="7">#REF!</definedName>
    <definedName name="Z直接労務費1" localSheetId="8">#REF!</definedName>
    <definedName name="Z直接労務費1" localSheetId="2">#REF!</definedName>
    <definedName name="Z直接労務費1">#REF!</definedName>
    <definedName name="Z直接労務費2" localSheetId="4">#REF!</definedName>
    <definedName name="Z直接労務費2" localSheetId="5">#REF!</definedName>
    <definedName name="Z直接労務費2" localSheetId="6">#REF!</definedName>
    <definedName name="Z直接労務費2" localSheetId="7">#REF!</definedName>
    <definedName name="Z直接労務費2" localSheetId="8">#REF!</definedName>
    <definedName name="Z直接労務費2" localSheetId="2">#REF!</definedName>
    <definedName name="Z直接労務費2">#REF!</definedName>
    <definedName name="Z直接労務費3" localSheetId="4">#REF!</definedName>
    <definedName name="Z直接労務費3" localSheetId="5">#REF!</definedName>
    <definedName name="Z直接労務費3" localSheetId="6">#REF!</definedName>
    <definedName name="Z直接労務費3" localSheetId="7">#REF!</definedName>
    <definedName name="Z直接労務費3" localSheetId="8">#REF!</definedName>
    <definedName name="Z直接労務費3" localSheetId="2">#REF!</definedName>
    <definedName name="Z直接労務費3">#REF!</definedName>
    <definedName name="Z特許使用料" localSheetId="4">#REF!</definedName>
    <definedName name="Z特許使用料" localSheetId="5">#REF!</definedName>
    <definedName name="Z特許使用料" localSheetId="6">#REF!</definedName>
    <definedName name="Z特許使用料" localSheetId="7">#REF!</definedName>
    <definedName name="Z特許使用料" localSheetId="8">#REF!</definedName>
    <definedName name="Z特許使用料" localSheetId="2">#REF!</definedName>
    <definedName name="Z特許使用料">#REF!</definedName>
    <definedName name="Z特許使用料1" localSheetId="4">#REF!</definedName>
    <definedName name="Z特許使用料1" localSheetId="5">#REF!</definedName>
    <definedName name="Z特許使用料1" localSheetId="6">#REF!</definedName>
    <definedName name="Z特許使用料1" localSheetId="7">#REF!</definedName>
    <definedName name="Z特許使用料1" localSheetId="8">#REF!</definedName>
    <definedName name="Z特許使用料1" localSheetId="2">#REF!</definedName>
    <definedName name="Z特許使用料1">#REF!</definedName>
    <definedName name="Z特許使用料2" localSheetId="4">#REF!</definedName>
    <definedName name="Z特許使用料2" localSheetId="5">#REF!</definedName>
    <definedName name="Z特許使用料2" localSheetId="6">#REF!</definedName>
    <definedName name="Z特許使用料2" localSheetId="7">#REF!</definedName>
    <definedName name="Z特許使用料2" localSheetId="8">#REF!</definedName>
    <definedName name="Z特許使用料2" localSheetId="2">#REF!</definedName>
    <definedName name="Z特許使用料2">#REF!</definedName>
    <definedName name="Z特許使用料3" localSheetId="4">#REF!</definedName>
    <definedName name="Z特許使用料3" localSheetId="5">#REF!</definedName>
    <definedName name="Z特許使用料3" localSheetId="6">#REF!</definedName>
    <definedName name="Z特許使用料3" localSheetId="7">#REF!</definedName>
    <definedName name="Z特許使用料3" localSheetId="8">#REF!</definedName>
    <definedName name="Z特許使用料3" localSheetId="2">#REF!</definedName>
    <definedName name="Z特許使用料3">#REF!</definedName>
    <definedName name="Z複合工費" localSheetId="4">#REF!</definedName>
    <definedName name="Z複合工費" localSheetId="5">#REF!</definedName>
    <definedName name="Z複合工費" localSheetId="6">#REF!</definedName>
    <definedName name="Z複合工費" localSheetId="7">#REF!</definedName>
    <definedName name="Z複合工費" localSheetId="8">#REF!</definedName>
    <definedName name="Z複合工費" localSheetId="2">#REF!</definedName>
    <definedName name="Z複合工費">#REF!</definedName>
    <definedName name="Z複合工費1" localSheetId="4">#REF!</definedName>
    <definedName name="Z複合工費1" localSheetId="5">#REF!</definedName>
    <definedName name="Z複合工費1" localSheetId="6">#REF!</definedName>
    <definedName name="Z複合工費1" localSheetId="7">#REF!</definedName>
    <definedName name="Z複合工費1" localSheetId="8">#REF!</definedName>
    <definedName name="Z複合工費1" localSheetId="2">#REF!</definedName>
    <definedName name="Z複合工費1">#REF!</definedName>
    <definedName name="Z複合工費2" localSheetId="4">#REF!</definedName>
    <definedName name="Z複合工費2" localSheetId="5">#REF!</definedName>
    <definedName name="Z複合工費2" localSheetId="6">#REF!</definedName>
    <definedName name="Z複合工費2" localSheetId="7">#REF!</definedName>
    <definedName name="Z複合工費2" localSheetId="8">#REF!</definedName>
    <definedName name="Z複合工費2" localSheetId="2">#REF!</definedName>
    <definedName name="Z複合工費2">#REF!</definedName>
    <definedName name="Z複合工費3" localSheetId="4">#REF!</definedName>
    <definedName name="Z複合工費3" localSheetId="5">#REF!</definedName>
    <definedName name="Z複合工費3" localSheetId="6">#REF!</definedName>
    <definedName name="Z複合工費3" localSheetId="7">#REF!</definedName>
    <definedName name="Z複合工費3" localSheetId="8">#REF!</definedName>
    <definedName name="Z複合工費3" localSheetId="2">#REF!</definedName>
    <definedName name="Z複合工費3">#REF!</definedName>
    <definedName name="Z補助材料費" localSheetId="4">#REF!</definedName>
    <definedName name="Z補助材料費" localSheetId="5">#REF!</definedName>
    <definedName name="Z補助材料費" localSheetId="6">#REF!</definedName>
    <definedName name="Z補助材料費" localSheetId="7">#REF!</definedName>
    <definedName name="Z補助材料費" localSheetId="8">#REF!</definedName>
    <definedName name="Z補助材料費" localSheetId="2">#REF!</definedName>
    <definedName name="Z補助材料費">#REF!</definedName>
    <definedName name="Z補助材料費1" localSheetId="4">#REF!</definedName>
    <definedName name="Z補助材料費1" localSheetId="5">#REF!</definedName>
    <definedName name="Z補助材料費1" localSheetId="6">#REF!</definedName>
    <definedName name="Z補助材料費1" localSheetId="7">#REF!</definedName>
    <definedName name="Z補助材料費1" localSheetId="8">#REF!</definedName>
    <definedName name="Z補助材料費1" localSheetId="2">#REF!</definedName>
    <definedName name="Z補助材料費1">#REF!</definedName>
    <definedName name="Z補助材料費2" localSheetId="4">#REF!</definedName>
    <definedName name="Z補助材料費2" localSheetId="5">#REF!</definedName>
    <definedName name="Z補助材料費2" localSheetId="6">#REF!</definedName>
    <definedName name="Z補助材料費2" localSheetId="7">#REF!</definedName>
    <definedName name="Z補助材料費2" localSheetId="8">#REF!</definedName>
    <definedName name="Z補助材料費2" localSheetId="2">#REF!</definedName>
    <definedName name="Z補助材料費2">#REF!</definedName>
    <definedName name="Z補助材料費3" localSheetId="4">#REF!</definedName>
    <definedName name="Z補助材料費3" localSheetId="5">#REF!</definedName>
    <definedName name="Z補助材料費3" localSheetId="6">#REF!</definedName>
    <definedName name="Z補助材料費3" localSheetId="7">#REF!</definedName>
    <definedName name="Z補助材料費3" localSheetId="8">#REF!</definedName>
    <definedName name="Z補助材料費3" localSheetId="2">#REF!</definedName>
    <definedName name="Z補助材料費3">#REF!</definedName>
    <definedName name="Z輸送費" localSheetId="4">#REF!</definedName>
    <definedName name="Z輸送費" localSheetId="5">#REF!</definedName>
    <definedName name="Z輸送費" localSheetId="6">#REF!</definedName>
    <definedName name="Z輸送費" localSheetId="7">#REF!</definedName>
    <definedName name="Z輸送費" localSheetId="8">#REF!</definedName>
    <definedName name="Z輸送費" localSheetId="2">#REF!</definedName>
    <definedName name="Z輸送費">#REF!</definedName>
    <definedName name="Z輸送費1" localSheetId="4">#REF!</definedName>
    <definedName name="Z輸送費1" localSheetId="5">#REF!</definedName>
    <definedName name="Z輸送費1" localSheetId="6">#REF!</definedName>
    <definedName name="Z輸送費1" localSheetId="7">#REF!</definedName>
    <definedName name="Z輸送費1" localSheetId="8">#REF!</definedName>
    <definedName name="Z輸送費1" localSheetId="2">#REF!</definedName>
    <definedName name="Z輸送費1">#REF!</definedName>
    <definedName name="Z輸送費2" localSheetId="4">#REF!</definedName>
    <definedName name="Z輸送費2" localSheetId="5">#REF!</definedName>
    <definedName name="Z輸送費2" localSheetId="6">#REF!</definedName>
    <definedName name="Z輸送費2" localSheetId="7">#REF!</definedName>
    <definedName name="Z輸送費2" localSheetId="8">#REF!</definedName>
    <definedName name="Z輸送費2" localSheetId="2">#REF!</definedName>
    <definedName name="Z輸送費2">#REF!</definedName>
    <definedName name="Z輸送費3" localSheetId="4">#REF!</definedName>
    <definedName name="Z輸送費3" localSheetId="5">#REF!</definedName>
    <definedName name="Z輸送費3" localSheetId="6">#REF!</definedName>
    <definedName name="Z輸送費3" localSheetId="7">#REF!</definedName>
    <definedName name="Z輸送費3" localSheetId="8">#REF!</definedName>
    <definedName name="Z輸送費3" localSheetId="2">#REF!</definedName>
    <definedName name="Z輸送費3">#REF!</definedName>
    <definedName name="φ50本設配管">[54]!φ50本設配管</definedName>
    <definedName name="ア" localSheetId="4">[55]表紙!#REF!</definedName>
    <definedName name="ア" localSheetId="5">[55]表紙!#REF!</definedName>
    <definedName name="ア" localSheetId="6">[55]表紙!#REF!</definedName>
    <definedName name="ア" localSheetId="7">[55]表紙!#REF!</definedName>
    <definedName name="ア" localSheetId="8">[55]表紙!#REF!</definedName>
    <definedName name="ア" localSheetId="9">[55]表紙!#REF!</definedName>
    <definedName name="ア" localSheetId="2">[55]表紙!#REF!</definedName>
    <definedName name="ア">[55]表紙!#REF!</definedName>
    <definedName name="あ" localSheetId="9">施工条件明示一覧表!あ</definedName>
    <definedName name="あ" localSheetId="0">設計書表紙!あ</definedName>
    <definedName name="あ">[0]!あ</definedName>
    <definedName name="あ1" localSheetId="4">#REF!</definedName>
    <definedName name="あ1" localSheetId="5">#REF!</definedName>
    <definedName name="あ1" localSheetId="6">#REF!</definedName>
    <definedName name="あ1" localSheetId="7">#REF!</definedName>
    <definedName name="あ1" localSheetId="8">#REF!</definedName>
    <definedName name="あ1" localSheetId="9">#REF!</definedName>
    <definedName name="あ1" localSheetId="2">#REF!</definedName>
    <definedName name="あ1">#REF!</definedName>
    <definedName name="ああ" localSheetId="4">'[27]３ページ'!#REF!</definedName>
    <definedName name="ああ" localSheetId="5">'[27]３ページ'!#REF!</definedName>
    <definedName name="ああ" localSheetId="6">'[27]３ページ'!#REF!</definedName>
    <definedName name="ああ" localSheetId="7">'[27]３ページ'!#REF!</definedName>
    <definedName name="ああ" localSheetId="8">'[27]３ページ'!#REF!</definedName>
    <definedName name="ああ" localSheetId="9">#REF!</definedName>
    <definedName name="ああ" localSheetId="2">'[27]３ページ'!#REF!</definedName>
    <definedName name="ああ">'[27]３ページ'!#REF!</definedName>
    <definedName name="あああ" localSheetId="9">施工条件明示一覧表!あああ</definedName>
    <definedName name="あああ" localSheetId="0">設計書表紙!あああ</definedName>
    <definedName name="あああ">[0]!あああ</definedName>
    <definedName name="ああああ" localSheetId="4">#REF!</definedName>
    <definedName name="ああああ" localSheetId="5">#REF!</definedName>
    <definedName name="ああああ" localSheetId="6">#REF!</definedName>
    <definedName name="ああああ" localSheetId="7">#REF!</definedName>
    <definedName name="ああああ" localSheetId="8">#REF!</definedName>
    <definedName name="ああああ" localSheetId="9">#REF!</definedName>
    <definedName name="ああああ" localSheetId="2">#REF!</definedName>
    <definedName name="ああああ">#REF!</definedName>
    <definedName name="あああああ" localSheetId="4" hidden="1">#REF!</definedName>
    <definedName name="あああああ" localSheetId="5" hidden="1">#REF!</definedName>
    <definedName name="あああああ" localSheetId="6" hidden="1">#REF!</definedName>
    <definedName name="あああああ" localSheetId="7" hidden="1">#REF!</definedName>
    <definedName name="あああああ" localSheetId="8" hidden="1">#REF!</definedName>
    <definedName name="あああああ" localSheetId="2" hidden="1">#REF!</definedName>
    <definedName name="あああああ" hidden="1">#REF!</definedName>
    <definedName name="ああああああ" localSheetId="4">[55]表紙!#REF!</definedName>
    <definedName name="ああああああ" localSheetId="5">[55]表紙!#REF!</definedName>
    <definedName name="ああああああ" localSheetId="6">[55]表紙!#REF!</definedName>
    <definedName name="ああああああ" localSheetId="7">[55]表紙!#REF!</definedName>
    <definedName name="ああああああ" localSheetId="8">[55]表紙!#REF!</definedName>
    <definedName name="ああああああ" localSheetId="2">[55]表紙!#REF!</definedName>
    <definedName name="ああああああ">[55]表紙!#REF!</definedName>
    <definedName name="あい" localSheetId="9">施工条件明示一覧表!あい</definedName>
    <definedName name="あい" localSheetId="0">設計書表紙!あい</definedName>
    <definedName name="あい">[0]!あい</definedName>
    <definedName name="ｱｽﾌｧﾙﾄ乳剤PK3" localSheetId="4">#REF!</definedName>
    <definedName name="ｱｽﾌｧﾙﾄ乳剤PK3" localSheetId="5">#REF!</definedName>
    <definedName name="ｱｽﾌｧﾙﾄ乳剤PK3" localSheetId="6">#REF!</definedName>
    <definedName name="ｱｽﾌｧﾙﾄ乳剤PK3" localSheetId="7">#REF!</definedName>
    <definedName name="ｱｽﾌｧﾙﾄ乳剤PK3" localSheetId="8">#REF!</definedName>
    <definedName name="ｱｽﾌｧﾙﾄ乳剤PK3" localSheetId="0">#REF!</definedName>
    <definedName name="ｱｽﾌｧﾙﾄ乳剤PK3" localSheetId="2">#REF!</definedName>
    <definedName name="ｱｽﾌｧﾙﾄ乳剤PK3">#REF!</definedName>
    <definedName name="ｱｾﾁﾚﾝ" localSheetId="4">#REF!</definedName>
    <definedName name="ｱｾﾁﾚﾝ" localSheetId="5">#REF!</definedName>
    <definedName name="ｱｾﾁﾚﾝ" localSheetId="6">#REF!</definedName>
    <definedName name="ｱｾﾁﾚﾝ" localSheetId="7">#REF!</definedName>
    <definedName name="ｱｾﾁﾚﾝ" localSheetId="8">#REF!</definedName>
    <definedName name="ｱｾﾁﾚﾝ" localSheetId="0">#REF!</definedName>
    <definedName name="ｱｾﾁﾚﾝ" localSheetId="2">#REF!</definedName>
    <definedName name="ｱｾﾁﾚﾝ">#REF!</definedName>
    <definedName name="い" localSheetId="9">施工条件明示一覧表!い</definedName>
    <definedName name="い" localSheetId="0">設計書表紙!い</definedName>
    <definedName name="い">[0]!い</definedName>
    <definedName name="いい">'[27]３ページ'!$L$9</definedName>
    <definedName name="いいいい" localSheetId="4">[23]!Anzen</definedName>
    <definedName name="いいいい" localSheetId="5">[23]!Anzen</definedName>
    <definedName name="いいいい" localSheetId="6">[23]!Anzen</definedName>
    <definedName name="いいいい" localSheetId="7">[23]!Anzen</definedName>
    <definedName name="いいいい" localSheetId="8">[23]!Anzen</definedName>
    <definedName name="いいいい" localSheetId="2">[23]!Anzen</definedName>
    <definedName name="いいいい">[23]!Anzen</definedName>
    <definedName name="いらない列1" localSheetId="4">#REF!</definedName>
    <definedName name="いらない列1" localSheetId="5">#REF!</definedName>
    <definedName name="いらない列1" localSheetId="6">#REF!</definedName>
    <definedName name="いらない列1" localSheetId="7">#REF!</definedName>
    <definedName name="いらない列1" localSheetId="8">#REF!</definedName>
    <definedName name="いらない列1" localSheetId="9">#REF!</definedName>
    <definedName name="いらない列1" localSheetId="2">#REF!</definedName>
    <definedName name="いらない列1">#REF!</definedName>
    <definedName name="いらない列2" localSheetId="4">#REF!</definedName>
    <definedName name="いらない列2" localSheetId="5">#REF!</definedName>
    <definedName name="いらない列2" localSheetId="6">#REF!</definedName>
    <definedName name="いらない列2" localSheetId="7">#REF!</definedName>
    <definedName name="いらない列2" localSheetId="8">#REF!</definedName>
    <definedName name="いらない列2" localSheetId="2">#REF!</definedName>
    <definedName name="いらない列2">#REF!</definedName>
    <definedName name="う" localSheetId="9">施工条件明示一覧表!う</definedName>
    <definedName name="う">[0]!う</definedName>
    <definedName name="うう">'[27]２ページ'!$I$36</definedName>
    <definedName name="ううう" localSheetId="4">#REF!</definedName>
    <definedName name="ううう" localSheetId="5">#REF!</definedName>
    <definedName name="ううう" localSheetId="6">#REF!</definedName>
    <definedName name="ううう" localSheetId="7">#REF!</definedName>
    <definedName name="ううう" localSheetId="8">#REF!</definedName>
    <definedName name="ううう" localSheetId="9">#REF!</definedName>
    <definedName name="ううう" localSheetId="2">#REF!</definedName>
    <definedName name="ううう">#REF!</definedName>
    <definedName name="うううう" localSheetId="4">#REF!</definedName>
    <definedName name="うううう" localSheetId="5">#REF!</definedName>
    <definedName name="うううう" localSheetId="6">#REF!</definedName>
    <definedName name="うううう" localSheetId="7">#REF!</definedName>
    <definedName name="うううう" localSheetId="8">#REF!</definedName>
    <definedName name="うううう" localSheetId="2">#REF!</definedName>
    <definedName name="うううう">#REF!</definedName>
    <definedName name="うぇ" localSheetId="9">施工条件明示一覧表!うぇ</definedName>
    <definedName name="うぇ" localSheetId="0">設計書表紙!うぇ</definedName>
    <definedName name="うぇ">[0]!うぇ</definedName>
    <definedName name="え" localSheetId="4">[56]!Dialog3_ボタン2_Click</definedName>
    <definedName name="え" localSheetId="5">[56]!Dialog3_ボタン2_Click</definedName>
    <definedName name="え" localSheetId="6">[56]!Dialog3_ボタン2_Click</definedName>
    <definedName name="え" localSheetId="7">[56]!Dialog3_ボタン2_Click</definedName>
    <definedName name="え" localSheetId="8">[56]!Dialog3_ボタン2_Click</definedName>
    <definedName name="え" localSheetId="2">[56]!Dialog3_ボタン2_Click</definedName>
    <definedName name="え">[56]!Dialog3_ボタン2_Click</definedName>
    <definedName name="ええ">'[27]３ページ'!$G$16</definedName>
    <definedName name="えええ" localSheetId="4" hidden="1">#REF!</definedName>
    <definedName name="えええ" localSheetId="5" hidden="1">#REF!</definedName>
    <definedName name="えええ" localSheetId="6" hidden="1">#REF!</definedName>
    <definedName name="えええ" localSheetId="7" hidden="1">#REF!</definedName>
    <definedName name="えええ" localSheetId="8" hidden="1">#REF!</definedName>
    <definedName name="えええ" localSheetId="0" hidden="1">#REF!</definedName>
    <definedName name="えええ" localSheetId="2" hidden="1">#REF!</definedName>
    <definedName name="えええ" hidden="1">#REF!</definedName>
    <definedName name="ｴﾙﾎﾞφ20" localSheetId="4">#REF!</definedName>
    <definedName name="ｴﾙﾎﾞφ20" localSheetId="5">#REF!</definedName>
    <definedName name="ｴﾙﾎﾞφ20" localSheetId="6">#REF!</definedName>
    <definedName name="ｴﾙﾎﾞφ20" localSheetId="7">#REF!</definedName>
    <definedName name="ｴﾙﾎﾞφ20" localSheetId="8">#REF!</definedName>
    <definedName name="ｴﾙﾎﾞφ20" localSheetId="2">#REF!</definedName>
    <definedName name="ｴﾙﾎﾞφ20">#REF!</definedName>
    <definedName name="ｴﾙﾎﾞφ25" localSheetId="4">#REF!</definedName>
    <definedName name="ｴﾙﾎﾞφ25" localSheetId="5">#REF!</definedName>
    <definedName name="ｴﾙﾎﾞφ25" localSheetId="6">#REF!</definedName>
    <definedName name="ｴﾙﾎﾞφ25" localSheetId="7">#REF!</definedName>
    <definedName name="ｴﾙﾎﾞφ25" localSheetId="8">#REF!</definedName>
    <definedName name="ｴﾙﾎﾞφ25" localSheetId="2">#REF!</definedName>
    <definedName name="ｴﾙﾎﾞφ25">#REF!</definedName>
    <definedName name="ｴﾙﾎﾞφ40" localSheetId="4">#REF!</definedName>
    <definedName name="ｴﾙﾎﾞφ40" localSheetId="5">#REF!</definedName>
    <definedName name="ｴﾙﾎﾞφ40" localSheetId="6">#REF!</definedName>
    <definedName name="ｴﾙﾎﾞφ40" localSheetId="7">#REF!</definedName>
    <definedName name="ｴﾙﾎﾞφ40" localSheetId="8">#REF!</definedName>
    <definedName name="ｴﾙﾎﾞφ40" localSheetId="2">#REF!</definedName>
    <definedName name="ｴﾙﾎﾞφ40">#REF!</definedName>
    <definedName name="お" localSheetId="9">施工条件明示一覧表!お</definedName>
    <definedName name="お" localSheetId="0">設計書表紙!お</definedName>
    <definedName name="お">[0]!お</definedName>
    <definedName name="おお">'[27]１ページ'!$J$58</definedName>
    <definedName name="ガス" localSheetId="4">#REF!</definedName>
    <definedName name="ガス" localSheetId="5">#REF!</definedName>
    <definedName name="ガス" localSheetId="6">#REF!</definedName>
    <definedName name="ガス" localSheetId="7">#REF!</definedName>
    <definedName name="ガス" localSheetId="8">#REF!</definedName>
    <definedName name="ガス" localSheetId="9">#REF!</definedName>
    <definedName name="ガス" localSheetId="2">#REF!</definedName>
    <definedName name="ガス">#REF!</definedName>
    <definedName name="ｶﾞｽPS" localSheetId="4">#REF!</definedName>
    <definedName name="ｶﾞｽPS" localSheetId="5">#REF!</definedName>
    <definedName name="ｶﾞｽPS" localSheetId="6">#REF!</definedName>
    <definedName name="ｶﾞｽPS" localSheetId="7">#REF!</definedName>
    <definedName name="ｶﾞｽPS" localSheetId="8">#REF!</definedName>
    <definedName name="ｶﾞｽPS" localSheetId="2">#REF!</definedName>
    <definedName name="ｶﾞｽPS">#REF!</definedName>
    <definedName name="ガス給湯器">[4]歩・屋!$W$10</definedName>
    <definedName name="ｶﾞｿﾘﾝ" localSheetId="4">#REF!</definedName>
    <definedName name="ｶﾞｿﾘﾝ" localSheetId="5">#REF!</definedName>
    <definedName name="ｶﾞｿﾘﾝ" localSheetId="6">#REF!</definedName>
    <definedName name="ｶﾞｿﾘﾝ" localSheetId="7">#REF!</definedName>
    <definedName name="ｶﾞｿﾘﾝ" localSheetId="8">#REF!</definedName>
    <definedName name="ｶﾞｿﾘﾝ" localSheetId="0">#REF!</definedName>
    <definedName name="ｶﾞｿﾘﾝ" localSheetId="2">#REF!</definedName>
    <definedName name="ｶﾞｿﾘﾝ">#REF!</definedName>
    <definedName name="ｶｯﾀｰﾌﾞﾚｰﾄﾞ30" localSheetId="4">#REF!</definedName>
    <definedName name="ｶｯﾀｰﾌﾞﾚｰﾄﾞ30" localSheetId="5">#REF!</definedName>
    <definedName name="ｶｯﾀｰﾌﾞﾚｰﾄﾞ30" localSheetId="6">#REF!</definedName>
    <definedName name="ｶｯﾀｰﾌﾞﾚｰﾄﾞ30" localSheetId="7">#REF!</definedName>
    <definedName name="ｶｯﾀｰﾌﾞﾚｰﾄﾞ30" localSheetId="8">#REF!</definedName>
    <definedName name="ｶｯﾀｰﾌﾞﾚｰﾄﾞ30" localSheetId="0">#REF!</definedName>
    <definedName name="ｶｯﾀｰﾌﾞﾚｰﾄﾞ30" localSheetId="2">#REF!</definedName>
    <definedName name="ｶｯﾀｰﾌﾞﾚｰﾄﾞ30">#REF!</definedName>
    <definedName name="ｶｯﾀｰﾌﾞﾚｰﾄﾞ40" localSheetId="4">#REF!</definedName>
    <definedName name="ｶｯﾀｰﾌﾞﾚｰﾄﾞ40" localSheetId="5">#REF!</definedName>
    <definedName name="ｶｯﾀｰﾌﾞﾚｰﾄﾞ40" localSheetId="6">#REF!</definedName>
    <definedName name="ｶｯﾀｰﾌﾞﾚｰﾄﾞ40" localSheetId="7">#REF!</definedName>
    <definedName name="ｶｯﾀｰﾌﾞﾚｰﾄﾞ40" localSheetId="8">#REF!</definedName>
    <definedName name="ｶｯﾀｰﾌﾞﾚｰﾄﾞ40" localSheetId="0">#REF!</definedName>
    <definedName name="ｶｯﾀｰﾌﾞﾚｰﾄﾞ40" localSheetId="2">#REF!</definedName>
    <definedName name="ｶｯﾀｰﾌﾞﾚｰﾄﾞ40">#REF!</definedName>
    <definedName name="ｶｯﾀｰﾌﾞﾚｰﾄﾞ55" localSheetId="4">#REF!</definedName>
    <definedName name="ｶｯﾀｰﾌﾞﾚｰﾄﾞ55" localSheetId="5">#REF!</definedName>
    <definedName name="ｶｯﾀｰﾌﾞﾚｰﾄﾞ55" localSheetId="6">#REF!</definedName>
    <definedName name="ｶｯﾀｰﾌﾞﾚｰﾄﾞ55" localSheetId="7">#REF!</definedName>
    <definedName name="ｶｯﾀｰﾌﾞﾚｰﾄﾞ55" localSheetId="8">#REF!</definedName>
    <definedName name="ｶｯﾀｰﾌﾞﾚｰﾄﾞ55" localSheetId="0">#REF!</definedName>
    <definedName name="ｶｯﾀｰﾌﾞﾚｰﾄﾞ55" localSheetId="2">#REF!</definedName>
    <definedName name="ｶｯﾀｰﾌﾞﾚｰﾄﾞ55">#REF!</definedName>
    <definedName name="ｶｯﾀｰﾌﾞﾚｰﾄﾞ60" localSheetId="4">#REF!</definedName>
    <definedName name="ｶｯﾀｰﾌﾞﾚｰﾄﾞ60" localSheetId="5">#REF!</definedName>
    <definedName name="ｶｯﾀｰﾌﾞﾚｰﾄﾞ60" localSheetId="6">#REF!</definedName>
    <definedName name="ｶｯﾀｰﾌﾞﾚｰﾄﾞ60" localSheetId="7">#REF!</definedName>
    <definedName name="ｶｯﾀｰﾌﾞﾚｰﾄﾞ60" localSheetId="8">#REF!</definedName>
    <definedName name="ｶｯﾀｰﾌﾞﾚｰﾄﾞ60" localSheetId="0">#REF!</definedName>
    <definedName name="ｶｯﾀｰﾌﾞﾚｰﾄﾞ60" localSheetId="2">#REF!</definedName>
    <definedName name="ｶｯﾀｰﾌﾞﾚｰﾄﾞ60">#REF!</definedName>
    <definedName name="ｶｯﾀｰ運転30㎝" localSheetId="4">#REF!</definedName>
    <definedName name="ｶｯﾀｰ運転30㎝" localSheetId="5">#REF!</definedName>
    <definedName name="ｶｯﾀｰ運転30㎝" localSheetId="6">#REF!</definedName>
    <definedName name="ｶｯﾀｰ運転30㎝" localSheetId="7">#REF!</definedName>
    <definedName name="ｶｯﾀｰ運転30㎝" localSheetId="8">#REF!</definedName>
    <definedName name="ｶｯﾀｰ運転30㎝" localSheetId="0">#REF!</definedName>
    <definedName name="ｶｯﾀｰ運転30㎝" localSheetId="2">#REF!</definedName>
    <definedName name="ｶｯﾀｰ運転30㎝">#REF!</definedName>
    <definedName name="ｶｯﾀｰ運転40㎝" localSheetId="4">#REF!</definedName>
    <definedName name="ｶｯﾀｰ運転40㎝" localSheetId="5">#REF!</definedName>
    <definedName name="ｶｯﾀｰ運転40㎝" localSheetId="6">#REF!</definedName>
    <definedName name="ｶｯﾀｰ運転40㎝" localSheetId="7">#REF!</definedName>
    <definedName name="ｶｯﾀｰ運転40㎝" localSheetId="8">#REF!</definedName>
    <definedName name="ｶｯﾀｰ運転40㎝" localSheetId="0">#REF!</definedName>
    <definedName name="ｶｯﾀｰ運転40㎝" localSheetId="2">#REF!</definedName>
    <definedName name="ｶｯﾀｰ運転40㎝">#REF!</definedName>
    <definedName name="ｶﾞﾗｽ工" localSheetId="4">#REF!</definedName>
    <definedName name="ｶﾞﾗｽ工" localSheetId="5">#REF!</definedName>
    <definedName name="ｶﾞﾗｽ工" localSheetId="6">#REF!</definedName>
    <definedName name="ｶﾞﾗｽ工" localSheetId="7">#REF!</definedName>
    <definedName name="ｶﾞﾗｽ工" localSheetId="8">#REF!</definedName>
    <definedName name="ｶﾞﾗｽ工" localSheetId="2">#REF!</definedName>
    <definedName name="ｶﾞﾗｽ工">#REF!</definedName>
    <definedName name="ガラス工２">[57]府県別労務!$C$50</definedName>
    <definedName name="き" localSheetId="9">施工条件明示一覧表!き</definedName>
    <definedName name="き" localSheetId="0">設計書表紙!き</definedName>
    <definedName name="き">[0]!き</definedName>
    <definedName name="く" localSheetId="4">'[47]３ページ'!#REF!</definedName>
    <definedName name="く" localSheetId="5">'[47]３ページ'!#REF!</definedName>
    <definedName name="く" localSheetId="6">'[47]３ページ'!#REF!</definedName>
    <definedName name="く" localSheetId="7">'[47]３ページ'!#REF!</definedName>
    <definedName name="く" localSheetId="8">'[47]３ページ'!#REF!</definedName>
    <definedName name="く" localSheetId="9">'[47]３ページ'!#REF!</definedName>
    <definedName name="く" localSheetId="2">'[47]３ページ'!#REF!</definedName>
    <definedName name="く">'[47]３ページ'!#REF!</definedName>
    <definedName name="くうちょう" localSheetId="4">#REF!</definedName>
    <definedName name="くうちょう" localSheetId="5">#REF!</definedName>
    <definedName name="くうちょう" localSheetId="6">#REF!</definedName>
    <definedName name="くうちょう" localSheetId="7">#REF!</definedName>
    <definedName name="くうちょう" localSheetId="8">#REF!</definedName>
    <definedName name="くうちょう" localSheetId="9">#REF!</definedName>
    <definedName name="くうちょう" localSheetId="2">#REF!</definedName>
    <definedName name="くうちょう">#REF!</definedName>
    <definedName name="くぇ" localSheetId="9">施工条件明示一覧表!くぇ</definedName>
    <definedName name="くぇ" localSheetId="0">設計書表紙!くぇ</definedName>
    <definedName name="くぇ">[0]!くぇ</definedName>
    <definedName name="グランド照明" localSheetId="4">[33]内訳書!#REF!</definedName>
    <definedName name="グランド照明" localSheetId="5">[33]内訳書!#REF!</definedName>
    <definedName name="グランド照明" localSheetId="6">[33]内訳書!#REF!</definedName>
    <definedName name="グランド照明" localSheetId="7">[33]内訳書!#REF!</definedName>
    <definedName name="グランド照明" localSheetId="8">[33]内訳書!#REF!</definedName>
    <definedName name="グランド照明" localSheetId="9">[33]内訳書!#REF!</definedName>
    <definedName name="グランド照明" localSheetId="2">[33]内訳書!#REF!</definedName>
    <definedName name="グランド照明">[33]内訳書!#REF!</definedName>
    <definedName name="ｸﾚｰﾝ付ﾄﾗｯｸ運転2.9t" localSheetId="4">#REF!</definedName>
    <definedName name="ｸﾚｰﾝ付ﾄﾗｯｸ運転2.9t" localSheetId="5">#REF!</definedName>
    <definedName name="ｸﾚｰﾝ付ﾄﾗｯｸ運転2.9t" localSheetId="6">#REF!</definedName>
    <definedName name="ｸﾚｰﾝ付ﾄﾗｯｸ運転2.9t" localSheetId="7">#REF!</definedName>
    <definedName name="ｸﾚｰﾝ付ﾄﾗｯｸ運転2.9t" localSheetId="8">#REF!</definedName>
    <definedName name="ｸﾚｰﾝ付ﾄﾗｯｸ運転2.9t" localSheetId="0">#REF!</definedName>
    <definedName name="ｸﾚｰﾝ付ﾄﾗｯｸ運転2.9t" localSheetId="2">#REF!</definedName>
    <definedName name="ｸﾚｰﾝ付ﾄﾗｯｸ運転2.9t">#REF!</definedName>
    <definedName name="ｸﾛｽ集計範囲" localSheetId="4">#REF!</definedName>
    <definedName name="ｸﾛｽ集計範囲" localSheetId="5">#REF!</definedName>
    <definedName name="ｸﾛｽ集計範囲" localSheetId="6">#REF!</definedName>
    <definedName name="ｸﾛｽ集計範囲" localSheetId="7">#REF!</definedName>
    <definedName name="ｸﾛｽ集計範囲" localSheetId="8">#REF!</definedName>
    <definedName name="ｸﾛｽ集計範囲" localSheetId="2">#REF!</definedName>
    <definedName name="ｸﾛｽ集計範囲">#REF!</definedName>
    <definedName name="ケーブル電線類" localSheetId="4">#REF!</definedName>
    <definedName name="ケーブル電線類" localSheetId="5">#REF!</definedName>
    <definedName name="ケーブル電線類" localSheetId="6">#REF!</definedName>
    <definedName name="ケーブル電線類" localSheetId="7">#REF!</definedName>
    <definedName name="ケーブル電線類" localSheetId="8">#REF!</definedName>
    <definedName name="ケーブル電線類" localSheetId="0">#REF!</definedName>
    <definedName name="ケーブル電線類" localSheetId="2">#REF!</definedName>
    <definedName name="ケーブル電線類">#REF!</definedName>
    <definedName name="ｺｰﾄﾞ">'[50]H15年度4月-企業庁・県建設部単価表'!$A$5:$A$490</definedName>
    <definedName name="ｺﾝｸﾘｰﾄ混和剤" localSheetId="4">#REF!</definedName>
    <definedName name="ｺﾝｸﾘｰﾄ混和剤" localSheetId="5">#REF!</definedName>
    <definedName name="ｺﾝｸﾘｰﾄ混和剤" localSheetId="6">#REF!</definedName>
    <definedName name="ｺﾝｸﾘｰﾄ混和剤" localSheetId="7">#REF!</definedName>
    <definedName name="ｺﾝｸﾘｰﾄ混和剤" localSheetId="8">#REF!</definedName>
    <definedName name="ｺﾝｸﾘｰﾄ混和剤" localSheetId="0">#REF!</definedName>
    <definedName name="ｺﾝｸﾘｰﾄ混和剤" localSheetId="2">#REF!</definedName>
    <definedName name="ｺﾝｸﾘｰﾄ混和剤">#REF!</definedName>
    <definedName name="ｺﾝﾏ小数点" localSheetId="4">#REF!</definedName>
    <definedName name="ｺﾝﾏ小数点" localSheetId="5">#REF!</definedName>
    <definedName name="ｺﾝﾏ小数点" localSheetId="6">#REF!</definedName>
    <definedName name="ｺﾝﾏ小数点" localSheetId="7">#REF!</definedName>
    <definedName name="ｺﾝﾏ小数点" localSheetId="8">#REF!</definedName>
    <definedName name="ｺﾝﾏ小数点" localSheetId="2">#REF!</definedName>
    <definedName name="ｺﾝﾏ小数点">#REF!</definedName>
    <definedName name="さ" localSheetId="4">[58]!ピクチャ5_Click</definedName>
    <definedName name="さ" localSheetId="5">[58]!ピクチャ5_Click</definedName>
    <definedName name="さ" localSheetId="6">[58]!ピクチャ5_Click</definedName>
    <definedName name="さ" localSheetId="7">[58]!ピクチャ5_Click</definedName>
    <definedName name="さ" localSheetId="8">[58]!ピクチャ5_Click</definedName>
    <definedName name="さ" localSheetId="9"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 localSheetId="2">[58]!ピクチャ5_Click</definedName>
    <definedName name="さ">[58]!ピクチャ5_Click</definedName>
    <definedName name="さく岩工" localSheetId="4">#REF!</definedName>
    <definedName name="さく岩工" localSheetId="5">#REF!</definedName>
    <definedName name="さく岩工" localSheetId="6">#REF!</definedName>
    <definedName name="さく岩工" localSheetId="7">#REF!</definedName>
    <definedName name="さく岩工" localSheetId="8">#REF!</definedName>
    <definedName name="さく岩工" localSheetId="9">#REF!</definedName>
    <definedName name="さく岩工" localSheetId="2">#REF!</definedName>
    <definedName name="さく岩工">#REF!</definedName>
    <definedName name="ささＳ" localSheetId="4">#REF!</definedName>
    <definedName name="ささＳ" localSheetId="5">#REF!</definedName>
    <definedName name="ささＳ" localSheetId="6">#REF!</definedName>
    <definedName name="ささＳ" localSheetId="7">#REF!</definedName>
    <definedName name="ささＳ" localSheetId="8">#REF!</definedName>
    <definedName name="ささＳ" localSheetId="2">#REF!</definedName>
    <definedName name="ささＳ">#REF!</definedName>
    <definedName name="さし" localSheetId="9">施工条件明示一覧表!さし</definedName>
    <definedName name="さし" localSheetId="0">設計書表紙!さし</definedName>
    <definedName name="さし">[0]!さし</definedName>
    <definedName name="サッシ工" localSheetId="4">#REF!</definedName>
    <definedName name="サッシ工" localSheetId="5">#REF!</definedName>
    <definedName name="サッシ工" localSheetId="6">#REF!</definedName>
    <definedName name="サッシ工" localSheetId="7">#REF!</definedName>
    <definedName name="サッシ工" localSheetId="8">#REF!</definedName>
    <definedName name="サッシ工" localSheetId="9">#REF!</definedName>
    <definedName name="サッシ工" localSheetId="2">#REF!</definedName>
    <definedName name="サッシ工">#REF!</definedName>
    <definedName name="ｻﾄﾞﾙ分水栓φ150×φ20" localSheetId="4">#REF!</definedName>
    <definedName name="ｻﾄﾞﾙ分水栓φ150×φ20" localSheetId="5">#REF!</definedName>
    <definedName name="ｻﾄﾞﾙ分水栓φ150×φ20" localSheetId="6">#REF!</definedName>
    <definedName name="ｻﾄﾞﾙ分水栓φ150×φ20" localSheetId="7">#REF!</definedName>
    <definedName name="ｻﾄﾞﾙ分水栓φ150×φ20" localSheetId="8">#REF!</definedName>
    <definedName name="ｻﾄﾞﾙ分水栓φ150×φ20" localSheetId="2">#REF!</definedName>
    <definedName name="ｻﾄﾞﾙ分水栓φ150×φ20">#REF!</definedName>
    <definedName name="ｻﾄﾞﾙ分水栓φ150×φ25" localSheetId="4">#REF!</definedName>
    <definedName name="ｻﾄﾞﾙ分水栓φ150×φ25" localSheetId="5">#REF!</definedName>
    <definedName name="ｻﾄﾞﾙ分水栓φ150×φ25" localSheetId="6">#REF!</definedName>
    <definedName name="ｻﾄﾞﾙ分水栓φ150×φ25" localSheetId="7">#REF!</definedName>
    <definedName name="ｻﾄﾞﾙ分水栓φ150×φ25" localSheetId="8">#REF!</definedName>
    <definedName name="ｻﾄﾞﾙ分水栓φ150×φ25" localSheetId="2">#REF!</definedName>
    <definedName name="ｻﾄﾞﾙ分水栓φ150×φ25">#REF!</definedName>
    <definedName name="ｻﾄﾞﾙ分水栓φ150×φ40" localSheetId="4">#REF!</definedName>
    <definedName name="ｻﾄﾞﾙ分水栓φ150×φ40" localSheetId="5">#REF!</definedName>
    <definedName name="ｻﾄﾞﾙ分水栓φ150×φ40" localSheetId="6">#REF!</definedName>
    <definedName name="ｻﾄﾞﾙ分水栓φ150×φ40" localSheetId="7">#REF!</definedName>
    <definedName name="ｻﾄﾞﾙ分水栓φ150×φ40" localSheetId="8">#REF!</definedName>
    <definedName name="ｻﾄﾞﾙ分水栓φ150×φ40" localSheetId="2">#REF!</definedName>
    <definedName name="ｻﾄﾞﾙ分水栓φ150×φ40">#REF!</definedName>
    <definedName name="ｻﾄﾞﾙ分水栓φ75×φ20" localSheetId="4">#REF!</definedName>
    <definedName name="ｻﾄﾞﾙ分水栓φ75×φ20" localSheetId="5">#REF!</definedName>
    <definedName name="ｻﾄﾞﾙ分水栓φ75×φ20" localSheetId="6">#REF!</definedName>
    <definedName name="ｻﾄﾞﾙ分水栓φ75×φ20" localSheetId="7">#REF!</definedName>
    <definedName name="ｻﾄﾞﾙ分水栓φ75×φ20" localSheetId="8">#REF!</definedName>
    <definedName name="ｻﾄﾞﾙ分水栓φ75×φ20" localSheetId="2">#REF!</definedName>
    <definedName name="ｻﾄﾞﾙ分水栓φ75×φ20">#REF!</definedName>
    <definedName name="ｻﾝﾀﾞｰｽﾄｰﾝ" localSheetId="4">#REF!</definedName>
    <definedName name="ｻﾝﾀﾞｰｽﾄｰﾝ" localSheetId="5">#REF!</definedName>
    <definedName name="ｻﾝﾀﾞｰｽﾄｰﾝ" localSheetId="6">#REF!</definedName>
    <definedName name="ｻﾝﾀﾞｰｽﾄｰﾝ" localSheetId="7">#REF!</definedName>
    <definedName name="ｻﾝﾀﾞｰｽﾄｰﾝ" localSheetId="8">#REF!</definedName>
    <definedName name="ｻﾝﾀﾞｰｽﾄｰﾝ" localSheetId="0">#REF!</definedName>
    <definedName name="ｻﾝﾀﾞｰｽﾄｰﾝ" localSheetId="2">#REF!</definedName>
    <definedName name="ｻﾝﾀﾞｰｽﾄｰﾝ">#REF!</definedName>
    <definedName name="じょ">'[4]#REF'!$U$1:$AK$2</definedName>
    <definedName name="ｽﾞｰﾑ">[7]仮設躯体!$A$2:$I$21</definedName>
    <definedName name="スコアボード比較" localSheetId="4">#REF!</definedName>
    <definedName name="スコアボード比較" localSheetId="5">#REF!</definedName>
    <definedName name="スコアボード比較" localSheetId="6">#REF!</definedName>
    <definedName name="スコアボード比較" localSheetId="7">#REF!</definedName>
    <definedName name="スコアボード比較" localSheetId="8">#REF!</definedName>
    <definedName name="スコアボード比較" localSheetId="9">#REF!</definedName>
    <definedName name="スコアボード比較" localSheetId="2">#REF!</definedName>
    <definedName name="スコアボード比較">#REF!</definedName>
    <definedName name="スタイル" localSheetId="4">#REF!</definedName>
    <definedName name="スタイル" localSheetId="5">#REF!</definedName>
    <definedName name="スタイル" localSheetId="6">#REF!</definedName>
    <definedName name="スタイル" localSheetId="7">#REF!</definedName>
    <definedName name="スタイル" localSheetId="8">#REF!</definedName>
    <definedName name="スタイル" localSheetId="0">#REF!</definedName>
    <definedName name="スタイル" localSheetId="2">#REF!</definedName>
    <definedName name="スタイル">#REF!</definedName>
    <definedName name="スタンション" localSheetId="4">[59]!Dialog3_ボタン2_Click</definedName>
    <definedName name="スタンション" localSheetId="5">[59]!Dialog3_ボタン2_Click</definedName>
    <definedName name="スタンション" localSheetId="6">[59]!Dialog3_ボタン2_Click</definedName>
    <definedName name="スタンション" localSheetId="7">[59]!Dialog3_ボタン2_Click</definedName>
    <definedName name="スタンション" localSheetId="8">[59]!Dialog3_ボタン2_Click</definedName>
    <definedName name="スタンション" localSheetId="2">[59]!Dialog3_ボタン2_Click</definedName>
    <definedName name="スタンション">[59]!Dialog3_ボタン2_Click</definedName>
    <definedName name="すてん溶接工" localSheetId="4">#REF!</definedName>
    <definedName name="すてん溶接工" localSheetId="5">#REF!</definedName>
    <definedName name="すてん溶接工" localSheetId="6">#REF!</definedName>
    <definedName name="すてん溶接工" localSheetId="7">#REF!</definedName>
    <definedName name="すてん溶接工" localSheetId="8">#REF!</definedName>
    <definedName name="すてん溶接工" localSheetId="2">#REF!</definedName>
    <definedName name="すてん溶接工">#REF!</definedName>
    <definedName name="ｿｹｯﾄφ20" localSheetId="4">#REF!</definedName>
    <definedName name="ｿｹｯﾄφ20" localSheetId="5">#REF!</definedName>
    <definedName name="ｿｹｯﾄφ20" localSheetId="6">#REF!</definedName>
    <definedName name="ｿｹｯﾄφ20" localSheetId="7">#REF!</definedName>
    <definedName name="ｿｹｯﾄφ20" localSheetId="8">#REF!</definedName>
    <definedName name="ｿｹｯﾄφ20" localSheetId="2">#REF!</definedName>
    <definedName name="ｿｹｯﾄφ20">#REF!</definedName>
    <definedName name="ｿｹｯﾄφ25" localSheetId="4">#REF!</definedName>
    <definedName name="ｿｹｯﾄφ25" localSheetId="5">#REF!</definedName>
    <definedName name="ｿｹｯﾄφ25" localSheetId="6">#REF!</definedName>
    <definedName name="ｿｹｯﾄφ25" localSheetId="7">#REF!</definedName>
    <definedName name="ｿｹｯﾄφ25" localSheetId="8">#REF!</definedName>
    <definedName name="ｿｹｯﾄφ25" localSheetId="2">#REF!</definedName>
    <definedName name="ｿｹｯﾄφ25">#REF!</definedName>
    <definedName name="ｿｹｯﾄφ25×φ20" localSheetId="4">#REF!</definedName>
    <definedName name="ｿｹｯﾄφ25×φ20" localSheetId="5">#REF!</definedName>
    <definedName name="ｿｹｯﾄφ25×φ20" localSheetId="6">#REF!</definedName>
    <definedName name="ｿｹｯﾄφ25×φ20" localSheetId="7">#REF!</definedName>
    <definedName name="ｿｹｯﾄφ25×φ20" localSheetId="8">#REF!</definedName>
    <definedName name="ｿｹｯﾄφ25×φ20" localSheetId="2">#REF!</definedName>
    <definedName name="ｿｹｯﾄφ25×φ20">#REF!</definedName>
    <definedName name="ｿｹｯﾄφ40" localSheetId="4">#REF!</definedName>
    <definedName name="ｿｹｯﾄφ40" localSheetId="5">#REF!</definedName>
    <definedName name="ｿｹｯﾄφ40" localSheetId="6">#REF!</definedName>
    <definedName name="ｿｹｯﾄφ40" localSheetId="7">#REF!</definedName>
    <definedName name="ｿｹｯﾄφ40" localSheetId="8">#REF!</definedName>
    <definedName name="ｿｹｯﾄφ40" localSheetId="2">#REF!</definedName>
    <definedName name="ｿｹｯﾄφ40">#REF!</definedName>
    <definedName name="その他" localSheetId="4">#REF!</definedName>
    <definedName name="その他" localSheetId="5">#REF!</definedName>
    <definedName name="その他" localSheetId="6">#REF!</definedName>
    <definedName name="その他" localSheetId="7">#REF!</definedName>
    <definedName name="その他" localSheetId="8">#REF!</definedName>
    <definedName name="その他" localSheetId="9" hidden="1">{"設定1",#N/A,FALSE,"第5号-1";"設定2",#N/A,FALSE,"第5号-1"}</definedName>
    <definedName name="その他" localSheetId="2">#REF!</definedName>
    <definedName name="その他">#REF!</definedName>
    <definedName name="その他器具" localSheetId="4">#REF!</definedName>
    <definedName name="その他器具" localSheetId="5">#REF!</definedName>
    <definedName name="その他器具" localSheetId="6">#REF!</definedName>
    <definedName name="その他器具" localSheetId="7">#REF!</definedName>
    <definedName name="その他器具" localSheetId="8">#REF!</definedName>
    <definedName name="その他器具" localSheetId="9">#REF!</definedName>
    <definedName name="その他器具" localSheetId="0">#REF!</definedName>
    <definedName name="その他器具" localSheetId="2">#REF!</definedName>
    <definedName name="その他器具">#REF!</definedName>
    <definedName name="た" localSheetId="9">施工条件明示一覧表!た</definedName>
    <definedName name="た" localSheetId="0">設計書表紙!た</definedName>
    <definedName name="た">[0]!た</definedName>
    <definedName name="だいＫ" localSheetId="4">[60]表紙!#REF!</definedName>
    <definedName name="だいＫ" localSheetId="5">[60]表紙!#REF!</definedName>
    <definedName name="だいＫ" localSheetId="6">[60]表紙!#REF!</definedName>
    <definedName name="だいＫ" localSheetId="7">[60]表紙!#REF!</definedName>
    <definedName name="だいＫ" localSheetId="8">[60]表紙!#REF!</definedName>
    <definedName name="だいＫ" localSheetId="9">[60]表紙!#REF!</definedName>
    <definedName name="だいＫ" localSheetId="2">[60]表紙!#REF!</definedName>
    <definedName name="だいＫ">[60]表紙!#REF!</definedName>
    <definedName name="ﾀｲﾄﾙ行" localSheetId="4">#REF!</definedName>
    <definedName name="ﾀｲﾄﾙ行" localSheetId="5">#REF!</definedName>
    <definedName name="ﾀｲﾄﾙ行" localSheetId="6">#REF!</definedName>
    <definedName name="ﾀｲﾄﾙ行" localSheetId="7">#REF!</definedName>
    <definedName name="ﾀｲﾄﾙ行" localSheetId="8">#REF!</definedName>
    <definedName name="ﾀｲﾄﾙ行" localSheetId="0">#REF!</definedName>
    <definedName name="ﾀｲﾄﾙ行" localSheetId="2">#REF!</definedName>
    <definedName name="ﾀｲﾄﾙ行">#REF!</definedName>
    <definedName name="タイル" localSheetId="9" hidden="1">{"設定1",#N/A,FALSE,"第5号-1";"設定2",#N/A,FALSE,"第5号-1"}</definedName>
    <definedName name="タイル" hidden="1">{"設定1",#N/A,FALSE,"第5号-1";"設定2",#N/A,FALSE,"第5号-1"}</definedName>
    <definedName name="タイル１" localSheetId="9" hidden="1">{"設定1",#N/A,FALSE,"第5号-1";"設定2",#N/A,FALSE,"第5号-1"}</definedName>
    <definedName name="タイル１" hidden="1">{"設定1",#N/A,FALSE,"第5号-1";"設定2",#N/A,FALSE,"第5号-1"}</definedName>
    <definedName name="タイル工" localSheetId="4">#REF!</definedName>
    <definedName name="タイル工" localSheetId="5">#REF!</definedName>
    <definedName name="タイル工" localSheetId="6">#REF!</definedName>
    <definedName name="タイル工" localSheetId="7">#REF!</definedName>
    <definedName name="タイル工" localSheetId="8">#REF!</definedName>
    <definedName name="タイル工" localSheetId="9">#REF!</definedName>
    <definedName name="タイル工" localSheetId="2">#REF!</definedName>
    <definedName name="タイル工">#REF!</definedName>
    <definedName name="たか" localSheetId="4">#REF!</definedName>
    <definedName name="たか" localSheetId="5">#REF!</definedName>
    <definedName name="たか" localSheetId="6">#REF!</definedName>
    <definedName name="たか" localSheetId="7">#REF!</definedName>
    <definedName name="たか" localSheetId="8">#REF!</definedName>
    <definedName name="たか" localSheetId="9">#REF!</definedName>
    <definedName name="たか" localSheetId="2">#REF!</definedName>
    <definedName name="たか">#REF!</definedName>
    <definedName name="ダク" localSheetId="4">[61]明細!#REF!</definedName>
    <definedName name="ダク" localSheetId="5">[61]明細!#REF!</definedName>
    <definedName name="ダク" localSheetId="6">[61]明細!#REF!</definedName>
    <definedName name="ダク" localSheetId="7">[61]明細!#REF!</definedName>
    <definedName name="ダク" localSheetId="8">[61]明細!#REF!</definedName>
    <definedName name="ダク" localSheetId="9">[61]明細!#REF!</definedName>
    <definedName name="ダク" localSheetId="2">[61]明細!#REF!</definedName>
    <definedName name="ダク">[61]明細!#REF!</definedName>
    <definedName name="ダクタイル鋳鉄管" localSheetId="4">#REF!</definedName>
    <definedName name="ダクタイル鋳鉄管" localSheetId="5">#REF!</definedName>
    <definedName name="ダクタイル鋳鉄管" localSheetId="6">#REF!</definedName>
    <definedName name="ダクタイル鋳鉄管" localSheetId="7">#REF!</definedName>
    <definedName name="ダクタイル鋳鉄管" localSheetId="8">#REF!</definedName>
    <definedName name="ダクタイル鋳鉄管" localSheetId="9">#REF!</definedName>
    <definedName name="ダクタイル鋳鉄管" localSheetId="2">#REF!</definedName>
    <definedName name="ダクタイル鋳鉄管">#REF!</definedName>
    <definedName name="ダクト" localSheetId="4">[61]明細!#REF!</definedName>
    <definedName name="ダクト" localSheetId="5">[61]明細!#REF!</definedName>
    <definedName name="ダクト" localSheetId="6">[61]明細!#REF!</definedName>
    <definedName name="ダクト" localSheetId="7">[61]明細!#REF!</definedName>
    <definedName name="ダクト" localSheetId="8">[61]明細!#REF!</definedName>
    <definedName name="ダクト" localSheetId="9">[61]明細!#REF!</definedName>
    <definedName name="ダクト" localSheetId="2">[61]明細!#REF!</definedName>
    <definedName name="ダクト">[61]明細!#REF!</definedName>
    <definedName name="ダクト工" localSheetId="4">#REF!</definedName>
    <definedName name="ダクト工" localSheetId="5">#REF!</definedName>
    <definedName name="ダクト工" localSheetId="6">#REF!</definedName>
    <definedName name="ダクト工" localSheetId="7">#REF!</definedName>
    <definedName name="ダクト工" localSheetId="8">#REF!</definedName>
    <definedName name="ダクト工" localSheetId="9">#REF!</definedName>
    <definedName name="ダクト工" localSheetId="2">#REF!</definedName>
    <definedName name="ダクト工">#REF!</definedName>
    <definedName name="ﾀﾝﾊﾟｰ運転舗装用" localSheetId="4">#REF!</definedName>
    <definedName name="ﾀﾝﾊﾟｰ運転舗装用" localSheetId="5">#REF!</definedName>
    <definedName name="ﾀﾝﾊﾟｰ運転舗装用" localSheetId="6">#REF!</definedName>
    <definedName name="ﾀﾝﾊﾟｰ運転舗装用" localSheetId="7">#REF!</definedName>
    <definedName name="ﾀﾝﾊﾟｰ運転舗装用" localSheetId="8">#REF!</definedName>
    <definedName name="ﾀﾝﾊﾟｰ運転舗装用" localSheetId="0">#REF!</definedName>
    <definedName name="ﾀﾝﾊﾟｰ運転舗装用" localSheetId="2">#REF!</definedName>
    <definedName name="ﾀﾝﾊﾟｰ運転舗装用">#REF!</definedName>
    <definedName name="ﾀﾝﾊﾟｰ運転埋戻用" localSheetId="4">#REF!</definedName>
    <definedName name="ﾀﾝﾊﾟｰ運転埋戻用" localSheetId="5">#REF!</definedName>
    <definedName name="ﾀﾝﾊﾟｰ運転埋戻用" localSheetId="6">#REF!</definedName>
    <definedName name="ﾀﾝﾊﾟｰ運転埋戻用" localSheetId="7">#REF!</definedName>
    <definedName name="ﾀﾝﾊﾟｰ運転埋戻用" localSheetId="8">#REF!</definedName>
    <definedName name="ﾀﾝﾊﾟｰ運転埋戻用" localSheetId="0">#REF!</definedName>
    <definedName name="ﾀﾝﾊﾟｰ運転埋戻用" localSheetId="2">#REF!</definedName>
    <definedName name="ﾀﾝﾊﾟｰ運転埋戻用">#REF!</definedName>
    <definedName name="ﾀﾝﾊﾟｰ運転路盤用" localSheetId="4">#REF!</definedName>
    <definedName name="ﾀﾝﾊﾟｰ運転路盤用" localSheetId="5">#REF!</definedName>
    <definedName name="ﾀﾝﾊﾟｰ運転路盤用" localSheetId="6">#REF!</definedName>
    <definedName name="ﾀﾝﾊﾟｰ運転路盤用" localSheetId="7">#REF!</definedName>
    <definedName name="ﾀﾝﾊﾟｰ運転路盤用" localSheetId="8">#REF!</definedName>
    <definedName name="ﾀﾝﾊﾟｰ運転路盤用" localSheetId="0">#REF!</definedName>
    <definedName name="ﾀﾝﾊﾟｰ運転路盤用" localSheetId="2">#REF!</definedName>
    <definedName name="ﾀﾝﾊﾟｰ運転路盤用">#REF!</definedName>
    <definedName name="ﾀﾞﾝﾌﾟﾄﾗｯｸ11t車" localSheetId="4">#REF!</definedName>
    <definedName name="ﾀﾞﾝﾌﾟﾄﾗｯｸ11t車" localSheetId="5">#REF!</definedName>
    <definedName name="ﾀﾞﾝﾌﾟﾄﾗｯｸ11t車" localSheetId="6">#REF!</definedName>
    <definedName name="ﾀﾞﾝﾌﾟﾄﾗｯｸ11t車" localSheetId="7">#REF!</definedName>
    <definedName name="ﾀﾞﾝﾌﾟﾄﾗｯｸ11t車" localSheetId="8">#REF!</definedName>
    <definedName name="ﾀﾞﾝﾌﾟﾄﾗｯｸ11t車" localSheetId="0">#REF!</definedName>
    <definedName name="ﾀﾞﾝﾌﾟﾄﾗｯｸ11t車" localSheetId="2">#REF!</definedName>
    <definedName name="ﾀﾞﾝﾌﾟﾄﾗｯｸ11t車">#REF!</definedName>
    <definedName name="ﾀﾞﾝﾌﾟﾄﾗｯｸ4t車" localSheetId="4">#REF!</definedName>
    <definedName name="ﾀﾞﾝﾌﾟﾄﾗｯｸ4t車" localSheetId="5">#REF!</definedName>
    <definedName name="ﾀﾞﾝﾌﾟﾄﾗｯｸ4t車" localSheetId="6">#REF!</definedName>
    <definedName name="ﾀﾞﾝﾌﾟﾄﾗｯｸ4t車" localSheetId="7">#REF!</definedName>
    <definedName name="ﾀﾞﾝﾌﾟﾄﾗｯｸ4t車" localSheetId="8">#REF!</definedName>
    <definedName name="ﾀﾞﾝﾌﾟﾄﾗｯｸ4t車" localSheetId="0">#REF!</definedName>
    <definedName name="ﾀﾞﾝﾌﾟﾄﾗｯｸ4t車" localSheetId="2">#REF!</definedName>
    <definedName name="ﾀﾞﾝﾌﾟﾄﾗｯｸ4t車">#REF!</definedName>
    <definedName name="ﾁｰｽﾞφ25×φ20" localSheetId="4">#REF!</definedName>
    <definedName name="ﾁｰｽﾞφ25×φ20" localSheetId="5">#REF!</definedName>
    <definedName name="ﾁｰｽﾞφ25×φ20" localSheetId="6">#REF!</definedName>
    <definedName name="ﾁｰｽﾞφ25×φ20" localSheetId="7">#REF!</definedName>
    <definedName name="ﾁｰｽﾞφ25×φ20" localSheetId="8">#REF!</definedName>
    <definedName name="ﾁｰｽﾞφ25×φ20" localSheetId="2">#REF!</definedName>
    <definedName name="ﾁｰｽﾞφ25×φ20">#REF!</definedName>
    <definedName name="ﾁｰｽﾞφ40×φ20" localSheetId="4">#REF!</definedName>
    <definedName name="ﾁｰｽﾞφ40×φ20" localSheetId="5">#REF!</definedName>
    <definedName name="ﾁｰｽﾞφ40×φ20" localSheetId="6">#REF!</definedName>
    <definedName name="ﾁｰｽﾞφ40×φ20" localSheetId="7">#REF!</definedName>
    <definedName name="ﾁｰｽﾞφ40×φ20" localSheetId="8">#REF!</definedName>
    <definedName name="ﾁｰｽﾞφ40×φ20" localSheetId="2">#REF!</definedName>
    <definedName name="ﾁｰｽﾞφ40×φ20">#REF!</definedName>
    <definedName name="っｄ">'[27]１ページ'!$F$8</definedName>
    <definedName name="っｆ">'[27]容計（ﾕﾆｯﾄ）'!$F$33</definedName>
    <definedName name="っｇ" localSheetId="4">'[27]３ページ'!#REF!</definedName>
    <definedName name="っｇ" localSheetId="5">'[27]３ページ'!#REF!</definedName>
    <definedName name="っｇ" localSheetId="6">'[27]３ページ'!#REF!</definedName>
    <definedName name="っｇ" localSheetId="7">'[27]３ページ'!#REF!</definedName>
    <definedName name="っｇ" localSheetId="8">'[27]３ページ'!#REF!</definedName>
    <definedName name="っｇ" localSheetId="9">'[27]３ページ'!#REF!</definedName>
    <definedName name="っｇ" localSheetId="2">'[27]３ページ'!#REF!</definedName>
    <definedName name="っｇ">'[27]３ページ'!#REF!</definedName>
    <definedName name="っｈ">'[27]１ページ'!$F$11</definedName>
    <definedName name="っｊ" localSheetId="4">'[27]３ページ'!#REF!</definedName>
    <definedName name="っｊ" localSheetId="5">'[27]３ページ'!#REF!</definedName>
    <definedName name="っｊ" localSheetId="6">'[27]３ページ'!#REF!</definedName>
    <definedName name="っｊ" localSheetId="7">'[27]３ページ'!#REF!</definedName>
    <definedName name="っｊ" localSheetId="8">'[27]３ページ'!#REF!</definedName>
    <definedName name="っｊ" localSheetId="9">'[27]３ページ'!#REF!</definedName>
    <definedName name="っｊ" localSheetId="2">'[27]３ページ'!#REF!</definedName>
    <definedName name="っｊ">'[27]３ページ'!#REF!</definedName>
    <definedName name="っｋ">'[27]１ページ'!$F$9</definedName>
    <definedName name="っｌ">'[27]３ページ'!$S$68</definedName>
    <definedName name="っｐ">'[27]３ページ'!$S$56</definedName>
    <definedName name="っｒ">'[27]３ページ'!$G$16</definedName>
    <definedName name="っｓ">'[27]１ページ'!$F$10</definedName>
    <definedName name="っｔ">'[27]３ページ'!$S$54</definedName>
    <definedName name="っｗ">'[27]３ページ'!$G$16</definedName>
    <definedName name="っｙ">'[27]２ページ'!$I$36</definedName>
    <definedName name="データ" localSheetId="4">#REF!</definedName>
    <definedName name="データ" localSheetId="5">#REF!</definedName>
    <definedName name="データ" localSheetId="6">#REF!</definedName>
    <definedName name="データ" localSheetId="7">#REF!</definedName>
    <definedName name="データ" localSheetId="8">#REF!</definedName>
    <definedName name="データ" localSheetId="9">#REF!</definedName>
    <definedName name="データ" localSheetId="2">#REF!</definedName>
    <definedName name="データ">#REF!</definedName>
    <definedName name="データ2" localSheetId="4">#REF!</definedName>
    <definedName name="データ2" localSheetId="5">#REF!</definedName>
    <definedName name="データ2" localSheetId="6">#REF!</definedName>
    <definedName name="データ2" localSheetId="7">#REF!</definedName>
    <definedName name="データ2" localSheetId="8">#REF!</definedName>
    <definedName name="データ2" localSheetId="2">#REF!</definedName>
    <definedName name="データ2">#REF!</definedName>
    <definedName name="データー" localSheetId="4">#REF!</definedName>
    <definedName name="データー" localSheetId="5">#REF!</definedName>
    <definedName name="データー" localSheetId="6">#REF!</definedName>
    <definedName name="データー" localSheetId="7">#REF!</definedName>
    <definedName name="データー" localSheetId="8">#REF!</definedName>
    <definedName name="データー" localSheetId="2">#REF!</definedName>
    <definedName name="データー">#REF!</definedName>
    <definedName name="テスト" localSheetId="9">施工条件明示一覧表!テスト</definedName>
    <definedName name="テスト" localSheetId="0">設計書表紙!テスト</definedName>
    <definedName name="テスト">[0]!テスト</definedName>
    <definedName name="テスト１" localSheetId="9">施工条件明示一覧表!テスト１</definedName>
    <definedName name="テスト１" localSheetId="0">設計書表紙!テスト１</definedName>
    <definedName name="テスト１">[0]!テスト１</definedName>
    <definedName name="てすと１" localSheetId="9">施工条件明示一覧表!てすと１</definedName>
    <definedName name="てすと１" localSheetId="0">設計書表紙!てすと１</definedName>
    <definedName name="てすと１">[0]!てすと１</definedName>
    <definedName name="テスト２" localSheetId="9">施工条件明示一覧表!テスト２</definedName>
    <definedName name="テスト２" localSheetId="0">設計書表紙!テスト２</definedName>
    <definedName name="テスト２">[0]!テスト２</definedName>
    <definedName name="てすと２" localSheetId="9">施工条件明示一覧表!てすと２</definedName>
    <definedName name="てすと２" localSheetId="0">設計書表紙!てすと２</definedName>
    <definedName name="てすと２">[0]!てすと２</definedName>
    <definedName name="テスト３" localSheetId="9">施工条件明示一覧表!テスト３</definedName>
    <definedName name="テスト３" localSheetId="0">設計書表紙!テスト３</definedName>
    <definedName name="テスト３">[0]!テスト３</definedName>
    <definedName name="てすと３" localSheetId="9">施工条件明示一覧表!てすと３</definedName>
    <definedName name="てすと３" localSheetId="0">設計書表紙!てすと３</definedName>
    <definedName name="てすと３">[0]!てすと３</definedName>
    <definedName name="テスト４" localSheetId="9">施工条件明示一覧表!テスト４</definedName>
    <definedName name="テスト４" localSheetId="0">設計書表紙!テスト４</definedName>
    <definedName name="テスト４">[0]!テスト４</definedName>
    <definedName name="てすと８" localSheetId="9">施工条件明示一覧表!てすと８</definedName>
    <definedName name="てすと８" localSheetId="0">設計書表紙!てすと８</definedName>
    <definedName name="てすと８">[0]!てすと８</definedName>
    <definedName name="てなにん" localSheetId="4">[62]!Dialog3_ボタン2_Click</definedName>
    <definedName name="てなにん" localSheetId="5">[62]!Dialog3_ボタン2_Click</definedName>
    <definedName name="てなにん" localSheetId="6">[62]!Dialog3_ボタン2_Click</definedName>
    <definedName name="てなにん" localSheetId="7">[62]!Dialog3_ボタン2_Click</definedName>
    <definedName name="てなにん" localSheetId="8">[62]!Dialog3_ボタン2_Click</definedName>
    <definedName name="てなにん" localSheetId="2">[62]!Dialog3_ボタン2_Click</definedName>
    <definedName name="てなにん">[62]!Dialog3_ボタン2_Click</definedName>
    <definedName name="テレビ" localSheetId="9">施工条件明示一覧表!テレビ</definedName>
    <definedName name="テレビ" localSheetId="0">設計書表紙!テレビ</definedName>
    <definedName name="テレビ">[0]!テレビ</definedName>
    <definedName name="とび工" localSheetId="4">#REF!</definedName>
    <definedName name="とび工" localSheetId="5">#REF!</definedName>
    <definedName name="とび工" localSheetId="6">#REF!</definedName>
    <definedName name="とび工" localSheetId="7">#REF!</definedName>
    <definedName name="とび工" localSheetId="8">#REF!</definedName>
    <definedName name="とび工" localSheetId="0">#REF!</definedName>
    <definedName name="とび工" localSheetId="2">#REF!</definedName>
    <definedName name="とび工">#REF!</definedName>
    <definedName name="ﾄﾗｯｸ">'[4]#REF'!$K$1</definedName>
    <definedName name="ﾄﾗｯｸｸﾚｰﾝ運転4.8_4.9t" localSheetId="4">#REF!</definedName>
    <definedName name="ﾄﾗｯｸｸﾚｰﾝ運転4.8_4.9t" localSheetId="5">#REF!</definedName>
    <definedName name="ﾄﾗｯｸｸﾚｰﾝ運転4.8_4.9t" localSheetId="6">#REF!</definedName>
    <definedName name="ﾄﾗｯｸｸﾚｰﾝ運転4.8_4.9t" localSheetId="7">#REF!</definedName>
    <definedName name="ﾄﾗｯｸｸﾚｰﾝ運転4.8_4.9t" localSheetId="8">#REF!</definedName>
    <definedName name="ﾄﾗｯｸｸﾚｰﾝ運転4.8_4.9t" localSheetId="0">#REF!</definedName>
    <definedName name="ﾄﾗｯｸｸﾚｰﾝ運転4.8_4.9t" localSheetId="2">#REF!</definedName>
    <definedName name="ﾄﾗｯｸｸﾚｰﾝ運転4.8_4.9t">#REF!</definedName>
    <definedName name="ﾄﾗｯｸｸﾚｰﾝ賃料4.9t" localSheetId="4">#REF!</definedName>
    <definedName name="ﾄﾗｯｸｸﾚｰﾝ賃料4.9t" localSheetId="5">#REF!</definedName>
    <definedName name="ﾄﾗｯｸｸﾚｰﾝ賃料4.9t" localSheetId="6">#REF!</definedName>
    <definedName name="ﾄﾗｯｸｸﾚｰﾝ賃料4.9t" localSheetId="7">#REF!</definedName>
    <definedName name="ﾄﾗｯｸｸﾚｰﾝ賃料4.9t" localSheetId="8">#REF!</definedName>
    <definedName name="ﾄﾗｯｸｸﾚｰﾝ賃料4.9t" localSheetId="0">#REF!</definedName>
    <definedName name="ﾄﾗｯｸｸﾚｰﾝ賃料4.9t" localSheetId="2">#REF!</definedName>
    <definedName name="ﾄﾗｯｸｸﾚｰﾝ賃料4.9t">#REF!</definedName>
    <definedName name="ﾄﾗｯｸ運転2t" localSheetId="4">#REF!</definedName>
    <definedName name="ﾄﾗｯｸ運転2t" localSheetId="5">#REF!</definedName>
    <definedName name="ﾄﾗｯｸ運転2t" localSheetId="6">#REF!</definedName>
    <definedName name="ﾄﾗｯｸ運転2t" localSheetId="7">#REF!</definedName>
    <definedName name="ﾄﾗｯｸ運転2t" localSheetId="8">#REF!</definedName>
    <definedName name="ﾄﾗｯｸ運転2t" localSheetId="0">#REF!</definedName>
    <definedName name="ﾄﾗｯｸ運転2t" localSheetId="2">#REF!</definedName>
    <definedName name="ﾄﾗｯｸ運転2t">#REF!</definedName>
    <definedName name="ﾄﾗｯｸ運転3_3.5t" localSheetId="4">#REF!</definedName>
    <definedName name="ﾄﾗｯｸ運転3_3.5t" localSheetId="5">#REF!</definedName>
    <definedName name="ﾄﾗｯｸ運転3_3.5t" localSheetId="6">#REF!</definedName>
    <definedName name="ﾄﾗｯｸ運転3_3.5t" localSheetId="7">#REF!</definedName>
    <definedName name="ﾄﾗｯｸ運転3_3.5t" localSheetId="8">#REF!</definedName>
    <definedName name="ﾄﾗｯｸ運転3_3.5t" localSheetId="0">#REF!</definedName>
    <definedName name="ﾄﾗｯｸ運転3_3.5t" localSheetId="2">#REF!</definedName>
    <definedName name="ﾄﾗｯｸ運転3_3.5t">#REF!</definedName>
    <definedName name="トンネル作業員" localSheetId="4">#REF!</definedName>
    <definedName name="トンネル作業員" localSheetId="5">#REF!</definedName>
    <definedName name="トンネル作業員" localSheetId="6">#REF!</definedName>
    <definedName name="トンネル作業員" localSheetId="7">#REF!</definedName>
    <definedName name="トンネル作業員" localSheetId="8">#REF!</definedName>
    <definedName name="トンネル作業員" localSheetId="2">#REF!</definedName>
    <definedName name="トンネル作業員">#REF!</definedName>
    <definedName name="トンネル世話役" localSheetId="4">#REF!</definedName>
    <definedName name="トンネル世話役" localSheetId="5">#REF!</definedName>
    <definedName name="トンネル世話役" localSheetId="6">#REF!</definedName>
    <definedName name="トンネル世話役" localSheetId="7">#REF!</definedName>
    <definedName name="トンネル世話役" localSheetId="8">#REF!</definedName>
    <definedName name="トンネル世話役" localSheetId="2">#REF!</definedName>
    <definedName name="トンネル世話役">#REF!</definedName>
    <definedName name="トンネル特殊工" localSheetId="4">#REF!</definedName>
    <definedName name="トンネル特殊工" localSheetId="5">#REF!</definedName>
    <definedName name="トンネル特殊工" localSheetId="6">#REF!</definedName>
    <definedName name="トンネル特殊工" localSheetId="7">#REF!</definedName>
    <definedName name="トンネル特殊工" localSheetId="8">#REF!</definedName>
    <definedName name="トンネル特殊工" localSheetId="2">#REF!</definedName>
    <definedName name="トンネル特殊工">#REF!</definedName>
    <definedName name="パターン1" localSheetId="4">#REF!</definedName>
    <definedName name="パターン1" localSheetId="5">#REF!</definedName>
    <definedName name="パターン1" localSheetId="6">#REF!</definedName>
    <definedName name="パターン1" localSheetId="7">#REF!</definedName>
    <definedName name="パターン1" localSheetId="8">#REF!</definedName>
    <definedName name="パターン1" localSheetId="2">#REF!</definedName>
    <definedName name="パターン1">#REF!</definedName>
    <definedName name="ﾊﾞｯｸﾎｳ0.1・" localSheetId="4">#REF!</definedName>
    <definedName name="ﾊﾞｯｸﾎｳ0.1・" localSheetId="5">#REF!</definedName>
    <definedName name="ﾊﾞｯｸﾎｳ0.1・" localSheetId="6">#REF!</definedName>
    <definedName name="ﾊﾞｯｸﾎｳ0.1・" localSheetId="7">#REF!</definedName>
    <definedName name="ﾊﾞｯｸﾎｳ0.1・" localSheetId="8">#REF!</definedName>
    <definedName name="ﾊﾞｯｸﾎｳ0.1・" localSheetId="0">#REF!</definedName>
    <definedName name="ﾊﾞｯｸﾎｳ0.1・" localSheetId="2">#REF!</definedName>
    <definedName name="ﾊﾞｯｸﾎｳ0.1・">#REF!</definedName>
    <definedName name="ﾊﾞｯｸﾎｳ0.2" localSheetId="4">#REF!</definedName>
    <definedName name="ﾊﾞｯｸﾎｳ0.2" localSheetId="5">#REF!</definedName>
    <definedName name="ﾊﾞｯｸﾎｳ0.2" localSheetId="6">#REF!</definedName>
    <definedName name="ﾊﾞｯｸﾎｳ0.2" localSheetId="7">#REF!</definedName>
    <definedName name="ﾊﾞｯｸﾎｳ0.2" localSheetId="8">#REF!</definedName>
    <definedName name="ﾊﾞｯｸﾎｳ0.2" localSheetId="0">#REF!</definedName>
    <definedName name="ﾊﾞｯｸﾎｳ0.2" localSheetId="2">#REF!</definedName>
    <definedName name="ﾊﾞｯｸﾎｳ0.2">#REF!</definedName>
    <definedName name="ﾊﾞｯｸﾎｳ0.35" localSheetId="4">#REF!</definedName>
    <definedName name="ﾊﾞｯｸﾎｳ0.35" localSheetId="5">#REF!</definedName>
    <definedName name="ﾊﾞｯｸﾎｳ0.35" localSheetId="6">#REF!</definedName>
    <definedName name="ﾊﾞｯｸﾎｳ0.35" localSheetId="7">#REF!</definedName>
    <definedName name="ﾊﾞｯｸﾎｳ0.35" localSheetId="8">#REF!</definedName>
    <definedName name="ﾊﾞｯｸﾎｳ0.35" localSheetId="0">#REF!</definedName>
    <definedName name="ﾊﾞｯｸﾎｳ0.35" localSheetId="2">#REF!</definedName>
    <definedName name="ﾊﾞｯｸﾎｳ0.35">#REF!</definedName>
    <definedName name="ハツリ" localSheetId="4">#REF!</definedName>
    <definedName name="ハツリ" localSheetId="5">#REF!</definedName>
    <definedName name="ハツリ" localSheetId="6">#REF!</definedName>
    <definedName name="ハツリ" localSheetId="7">#REF!</definedName>
    <definedName name="ハツリ" localSheetId="8">#REF!</definedName>
    <definedName name="ハツリ" localSheetId="2">#REF!</definedName>
    <definedName name="ハツリ">#REF!</definedName>
    <definedName name="はつり工" localSheetId="4">#REF!</definedName>
    <definedName name="はつり工" localSheetId="5">#REF!</definedName>
    <definedName name="はつり工" localSheetId="6">#REF!</definedName>
    <definedName name="はつり工" localSheetId="7">#REF!</definedName>
    <definedName name="はつり工" localSheetId="8">#REF!</definedName>
    <definedName name="はつり工" localSheetId="0">#REF!</definedName>
    <definedName name="はつり工" localSheetId="2">#REF!</definedName>
    <definedName name="はつり工">#REF!</definedName>
    <definedName name="バルブ" localSheetId="4">#REF!</definedName>
    <definedName name="バルブ" localSheetId="5">#REF!</definedName>
    <definedName name="バルブ" localSheetId="6">#REF!</definedName>
    <definedName name="バルブ" localSheetId="7">#REF!</definedName>
    <definedName name="バルブ" localSheetId="8">#REF!</definedName>
    <definedName name="バルブ" localSheetId="2">#REF!</definedName>
    <definedName name="バルブ">#REF!</definedName>
    <definedName name="ﾊﾝﾄﾞﾎｰﾙ１" localSheetId="4">[4]愛駿寮公共下水道接続工事!#REF!</definedName>
    <definedName name="ﾊﾝﾄﾞﾎｰﾙ１" localSheetId="5">[4]愛駿寮公共下水道接続工事!#REF!</definedName>
    <definedName name="ﾊﾝﾄﾞﾎｰﾙ１" localSheetId="6">[4]愛駿寮公共下水道接続工事!#REF!</definedName>
    <definedName name="ﾊﾝﾄﾞﾎｰﾙ１" localSheetId="7">[4]愛駿寮公共下水道接続工事!#REF!</definedName>
    <definedName name="ﾊﾝﾄﾞﾎｰﾙ１" localSheetId="8">[4]愛駿寮公共下水道接続工事!#REF!</definedName>
    <definedName name="ﾊﾝﾄﾞﾎｰﾙ１" localSheetId="2">[4]愛駿寮公共下水道接続工事!#REF!</definedName>
    <definedName name="ﾊﾝﾄﾞﾎｰﾙ１">[4]愛駿寮公共下水道接続工事!#REF!</definedName>
    <definedName name="ﾊﾝﾄﾞﾎｰﾙ２" localSheetId="4">#REF!</definedName>
    <definedName name="ﾊﾝﾄﾞﾎｰﾙ２" localSheetId="5">#REF!</definedName>
    <definedName name="ﾊﾝﾄﾞﾎｰﾙ２" localSheetId="6">#REF!</definedName>
    <definedName name="ﾊﾝﾄﾞﾎｰﾙ２" localSheetId="7">#REF!</definedName>
    <definedName name="ﾊﾝﾄﾞﾎｰﾙ２" localSheetId="8">#REF!</definedName>
    <definedName name="ﾊﾝﾄﾞﾎｰﾙ２" localSheetId="9">#REF!</definedName>
    <definedName name="ﾊﾝﾄﾞﾎｰﾙ２" localSheetId="2">#REF!</definedName>
    <definedName name="ﾊﾝﾄﾞﾎｰﾙ２">#REF!</definedName>
    <definedName name="ﾊﾝﾄﾞﾎｰﾙ築造ｱｽﾌｧﾙﾄ有り直堀" localSheetId="4">[63]!Dialog3_ボタン2_Click</definedName>
    <definedName name="ﾊﾝﾄﾞﾎｰﾙ築造ｱｽﾌｧﾙﾄ有り直堀" localSheetId="5">[63]!Dialog3_ボタン2_Click</definedName>
    <definedName name="ﾊﾝﾄﾞﾎｰﾙ築造ｱｽﾌｧﾙﾄ有り直堀" localSheetId="6">[63]!Dialog3_ボタン2_Click</definedName>
    <definedName name="ﾊﾝﾄﾞﾎｰﾙ築造ｱｽﾌｧﾙﾄ有り直堀" localSheetId="7">[63]!Dialog3_ボタン2_Click</definedName>
    <definedName name="ﾊﾝﾄﾞﾎｰﾙ築造ｱｽﾌｧﾙﾄ有り直堀" localSheetId="8">[63]!Dialog3_ボタン2_Click</definedName>
    <definedName name="ﾊﾝﾄﾞﾎｰﾙ築造ｱｽﾌｧﾙﾄ有り直堀" localSheetId="2">[63]!Dialog3_ボタン2_Click</definedName>
    <definedName name="ﾊﾝﾄﾞﾎｰﾙ築造ｱｽﾌｧﾙﾄ有り直堀">[63]!Dialog3_ボタン2_Click</definedName>
    <definedName name="ピクチャ5_Click" localSheetId="4">[38]!ピクチャ5_Click</definedName>
    <definedName name="ピクチャ5_Click" localSheetId="5">[38]!ピクチャ5_Click</definedName>
    <definedName name="ピクチャ5_Click" localSheetId="6">[38]!ピクチャ5_Click</definedName>
    <definedName name="ピクチャ5_Click" localSheetId="7">[38]!ピクチャ5_Click</definedName>
    <definedName name="ピクチャ5_Click" localSheetId="8">[38]!ピクチャ5_Click</definedName>
    <definedName name="ピクチャ5_Click" localSheetId="2">[38]!ピクチャ5_Click</definedName>
    <definedName name="ピクチャ5_Click">[38]!ピクチャ5_Click</definedName>
    <definedName name="ﾋﾟｯﾄ築造" localSheetId="4">[63]!Dialog3_ボタン2_Click</definedName>
    <definedName name="ﾋﾟｯﾄ築造" localSheetId="5">[63]!Dialog3_ボタン2_Click</definedName>
    <definedName name="ﾋﾟｯﾄ築造" localSheetId="6">[63]!Dialog3_ボタン2_Click</definedName>
    <definedName name="ﾋﾟｯﾄ築造" localSheetId="7">[63]!Dialog3_ボタン2_Click</definedName>
    <definedName name="ﾋﾟｯﾄ築造" localSheetId="8">[63]!Dialog3_ボタン2_Click</definedName>
    <definedName name="ﾋﾟｯﾄ築造" localSheetId="2">[63]!Dialog3_ボタン2_Click</definedName>
    <definedName name="ﾋﾟｯﾄ築造">[63]!Dialog3_ボタン2_Click</definedName>
    <definedName name="ふ" localSheetId="4">#REF!</definedName>
    <definedName name="ふ" localSheetId="5">#REF!</definedName>
    <definedName name="ふ" localSheetId="6">#REF!</definedName>
    <definedName name="ふ" localSheetId="7">#REF!</definedName>
    <definedName name="ふ" localSheetId="8">#REF!</definedName>
    <definedName name="ふ" localSheetId="9">#REF!</definedName>
    <definedName name="ふ" localSheetId="2">#REF!</definedName>
    <definedName name="ふ">#REF!</definedName>
    <definedName name="プリカ50" localSheetId="4">[29]ｹｰﾌﾞﾙ計!#REF!</definedName>
    <definedName name="プリカ50" localSheetId="5">[29]ｹｰﾌﾞﾙ計!#REF!</definedName>
    <definedName name="プリカ50" localSheetId="6">[29]ｹｰﾌﾞﾙ計!#REF!</definedName>
    <definedName name="プリカ50" localSheetId="7">[29]ｹｰﾌﾞﾙ計!#REF!</definedName>
    <definedName name="プリカ50" localSheetId="8">[29]ｹｰﾌﾞﾙ計!#REF!</definedName>
    <definedName name="プリカ50" localSheetId="9">[30]ｹｰﾌﾞﾙ計!#REF!</definedName>
    <definedName name="プリカ50" localSheetId="2">[29]ｹｰﾌﾞﾙ計!#REF!</definedName>
    <definedName name="プリカ50">[29]ｹｰﾌﾞﾙ計!#REF!</definedName>
    <definedName name="フロック" localSheetId="9" hidden="1">{"設定1",#N/A,FALSE,"第5号-1";"設定2",#N/A,FALSE,"第5号-1"}</definedName>
    <definedName name="フロック" hidden="1">{"設定1",#N/A,FALSE,"第5号-1";"設定2",#N/A,FALSE,"第5号-1"}</definedName>
    <definedName name="フロック形成池" localSheetId="9" hidden="1">{"設定1",#N/A,FALSE,"第5号-1";"設定2",#N/A,FALSE,"第5号-1"}</definedName>
    <definedName name="フロック形成池" hidden="1">{"設定1",#N/A,FALSE,"第5号-1";"設定2",#N/A,FALSE,"第5号-1"}</definedName>
    <definedName name="ブロック工" localSheetId="4">#REF!</definedName>
    <definedName name="ブロック工" localSheetId="5">#REF!</definedName>
    <definedName name="ブロック工" localSheetId="6">#REF!</definedName>
    <definedName name="ブロック工" localSheetId="7">#REF!</definedName>
    <definedName name="ブロック工" localSheetId="8">#REF!</definedName>
    <definedName name="ブロック工" localSheetId="9">#REF!</definedName>
    <definedName name="ブロック工" localSheetId="2">#REF!</definedName>
    <definedName name="ブロック工">#REF!</definedName>
    <definedName name="ページ１" localSheetId="4">#REF!</definedName>
    <definedName name="ページ１" localSheetId="5">#REF!</definedName>
    <definedName name="ページ１" localSheetId="6">#REF!</definedName>
    <definedName name="ページ１" localSheetId="7">#REF!</definedName>
    <definedName name="ページ１" localSheetId="8">#REF!</definedName>
    <definedName name="ページ１" localSheetId="2">#REF!</definedName>
    <definedName name="ページ１">#REF!</definedName>
    <definedName name="ページ２" localSheetId="4">#REF!</definedName>
    <definedName name="ページ２" localSheetId="5">#REF!</definedName>
    <definedName name="ページ２" localSheetId="6">#REF!</definedName>
    <definedName name="ページ２" localSheetId="7">#REF!</definedName>
    <definedName name="ページ２" localSheetId="8">#REF!</definedName>
    <definedName name="ページ２" localSheetId="2">#REF!</definedName>
    <definedName name="ページ２">#REF!</definedName>
    <definedName name="ページ３" localSheetId="4">#REF!</definedName>
    <definedName name="ページ３" localSheetId="5">#REF!</definedName>
    <definedName name="ページ３" localSheetId="6">#REF!</definedName>
    <definedName name="ページ３" localSheetId="7">#REF!</definedName>
    <definedName name="ページ３" localSheetId="8">#REF!</definedName>
    <definedName name="ページ３" localSheetId="2">#REF!</definedName>
    <definedName name="ページ３">#REF!</definedName>
    <definedName name="ページ４" localSheetId="4">#REF!</definedName>
    <definedName name="ページ４" localSheetId="5">#REF!</definedName>
    <definedName name="ページ４" localSheetId="6">#REF!</definedName>
    <definedName name="ページ４" localSheetId="7">#REF!</definedName>
    <definedName name="ページ４" localSheetId="8">#REF!</definedName>
    <definedName name="ページ４" localSheetId="2">#REF!</definedName>
    <definedName name="ページ４">#REF!</definedName>
    <definedName name="ページ５" localSheetId="4">#REF!</definedName>
    <definedName name="ページ５" localSheetId="5">#REF!</definedName>
    <definedName name="ページ５" localSheetId="6">#REF!</definedName>
    <definedName name="ページ５" localSheetId="7">#REF!</definedName>
    <definedName name="ページ５" localSheetId="8">#REF!</definedName>
    <definedName name="ページ５" localSheetId="2">#REF!</definedName>
    <definedName name="ページ５">#REF!</definedName>
    <definedName name="ページ６" localSheetId="4">#REF!</definedName>
    <definedName name="ページ６" localSheetId="5">#REF!</definedName>
    <definedName name="ページ６" localSheetId="6">#REF!</definedName>
    <definedName name="ページ６" localSheetId="7">#REF!</definedName>
    <definedName name="ページ６" localSheetId="8">#REF!</definedName>
    <definedName name="ページ６" localSheetId="2">#REF!</definedName>
    <definedName name="ページ６">#REF!</definedName>
    <definedName name="ポンプ">[4]歩・屋!$W$5</definedName>
    <definedName name="ポンプB">[4]歩・屋!$W$5</definedName>
    <definedName name="ﾒｰｶｰﾘｽﾄ" localSheetId="4">[64]見積･重量!#REF!</definedName>
    <definedName name="ﾒｰｶｰﾘｽﾄ" localSheetId="5">[64]見積･重量!#REF!</definedName>
    <definedName name="ﾒｰｶｰﾘｽﾄ" localSheetId="6">[64]見積･重量!#REF!</definedName>
    <definedName name="ﾒｰｶｰﾘｽﾄ" localSheetId="7">[64]見積･重量!#REF!</definedName>
    <definedName name="ﾒｰｶｰﾘｽﾄ" localSheetId="8">[64]見積･重量!#REF!</definedName>
    <definedName name="ﾒｰｶｰﾘｽﾄ" localSheetId="9">[64]見積･重量!#REF!</definedName>
    <definedName name="ﾒｰｶｰﾘｽﾄ" localSheetId="2">[64]見積･重量!#REF!</definedName>
    <definedName name="ﾒｰｶｰﾘｽﾄ">[64]見積･重量!#REF!</definedName>
    <definedName name="ﾒｰﾀｰφ13" localSheetId="4">#REF!</definedName>
    <definedName name="ﾒｰﾀｰφ13" localSheetId="5">#REF!</definedName>
    <definedName name="ﾒｰﾀｰφ13" localSheetId="6">#REF!</definedName>
    <definedName name="ﾒｰﾀｰφ13" localSheetId="7">#REF!</definedName>
    <definedName name="ﾒｰﾀｰφ13" localSheetId="8">#REF!</definedName>
    <definedName name="ﾒｰﾀｰφ13" localSheetId="9">#REF!</definedName>
    <definedName name="ﾒｰﾀｰφ13" localSheetId="2">#REF!</definedName>
    <definedName name="ﾒｰﾀｰφ13">#REF!</definedName>
    <definedName name="ﾒｰﾀｰφ16" localSheetId="4">#REF!</definedName>
    <definedName name="ﾒｰﾀｰφ16" localSheetId="5">#REF!</definedName>
    <definedName name="ﾒｰﾀｰφ16" localSheetId="6">#REF!</definedName>
    <definedName name="ﾒｰﾀｰφ16" localSheetId="7">#REF!</definedName>
    <definedName name="ﾒｰﾀｰφ16" localSheetId="8">#REF!</definedName>
    <definedName name="ﾒｰﾀｰφ16" localSheetId="2">#REF!</definedName>
    <definedName name="ﾒｰﾀｰφ16">#REF!</definedName>
    <definedName name="ﾒｰﾀｰφ20" localSheetId="4">#REF!</definedName>
    <definedName name="ﾒｰﾀｰφ20" localSheetId="5">#REF!</definedName>
    <definedName name="ﾒｰﾀｰφ20" localSheetId="6">#REF!</definedName>
    <definedName name="ﾒｰﾀｰφ20" localSheetId="7">#REF!</definedName>
    <definedName name="ﾒｰﾀｰφ20" localSheetId="8">#REF!</definedName>
    <definedName name="ﾒｰﾀｰφ20" localSheetId="2">#REF!</definedName>
    <definedName name="ﾒｰﾀｰφ20">#REF!</definedName>
    <definedName name="ﾒｰﾀｰφ25" localSheetId="4">#REF!</definedName>
    <definedName name="ﾒｰﾀｰφ25" localSheetId="5">#REF!</definedName>
    <definedName name="ﾒｰﾀｰφ25" localSheetId="6">#REF!</definedName>
    <definedName name="ﾒｰﾀｰφ25" localSheetId="7">#REF!</definedName>
    <definedName name="ﾒｰﾀｰφ25" localSheetId="8">#REF!</definedName>
    <definedName name="ﾒｰﾀｰφ25" localSheetId="2">#REF!</definedName>
    <definedName name="ﾒｰﾀｰφ25">#REF!</definedName>
    <definedName name="ﾒｰﾀｰφ40" localSheetId="4">#REF!</definedName>
    <definedName name="ﾒｰﾀｰφ40" localSheetId="5">#REF!</definedName>
    <definedName name="ﾒｰﾀｰφ40" localSheetId="6">#REF!</definedName>
    <definedName name="ﾒｰﾀｰφ40" localSheetId="7">#REF!</definedName>
    <definedName name="ﾒｰﾀｰφ40" localSheetId="8">#REF!</definedName>
    <definedName name="ﾒｰﾀｰφ40" localSheetId="2">#REF!</definedName>
    <definedName name="ﾒｰﾀｰφ40">#REF!</definedName>
    <definedName name="ﾒｽｱﾀﾞﾌﾟﾀｰφ20" localSheetId="4">#REF!</definedName>
    <definedName name="ﾒｽｱﾀﾞﾌﾟﾀｰφ20" localSheetId="5">#REF!</definedName>
    <definedName name="ﾒｽｱﾀﾞﾌﾟﾀｰφ20" localSheetId="6">#REF!</definedName>
    <definedName name="ﾒｽｱﾀﾞﾌﾟﾀｰφ20" localSheetId="7">#REF!</definedName>
    <definedName name="ﾒｽｱﾀﾞﾌﾟﾀｰφ20" localSheetId="8">#REF!</definedName>
    <definedName name="ﾒｽｱﾀﾞﾌﾟﾀｰφ20" localSheetId="2">#REF!</definedName>
    <definedName name="ﾒｽｱﾀﾞﾌﾟﾀｰφ20">#REF!</definedName>
    <definedName name="ﾒｽｱﾀﾞﾌﾟﾀｰφ25" localSheetId="4">#REF!</definedName>
    <definedName name="ﾒｽｱﾀﾞﾌﾟﾀｰφ25" localSheetId="5">#REF!</definedName>
    <definedName name="ﾒｽｱﾀﾞﾌﾟﾀｰφ25" localSheetId="6">#REF!</definedName>
    <definedName name="ﾒｽｱﾀﾞﾌﾟﾀｰφ25" localSheetId="7">#REF!</definedName>
    <definedName name="ﾒｽｱﾀﾞﾌﾟﾀｰφ25" localSheetId="8">#REF!</definedName>
    <definedName name="ﾒｽｱﾀﾞﾌﾟﾀｰφ25" localSheetId="2">#REF!</definedName>
    <definedName name="ﾒｽｱﾀﾞﾌﾟﾀｰφ25">#REF!</definedName>
    <definedName name="ﾒｽｱﾀﾞﾌﾟﾀｰφ40" localSheetId="4">#REF!</definedName>
    <definedName name="ﾒｽｱﾀﾞﾌﾟﾀｰφ40" localSheetId="5">#REF!</definedName>
    <definedName name="ﾒｽｱﾀﾞﾌﾟﾀｰφ40" localSheetId="6">#REF!</definedName>
    <definedName name="ﾒｽｱﾀﾞﾌﾟﾀｰφ40" localSheetId="7">#REF!</definedName>
    <definedName name="ﾒｽｱﾀﾞﾌﾟﾀｰφ40" localSheetId="8">#REF!</definedName>
    <definedName name="ﾒｽｱﾀﾞﾌﾟﾀｰφ40" localSheetId="2">#REF!</definedName>
    <definedName name="ﾒｽｱﾀﾞﾌﾟﾀｰφ40">#REF!</definedName>
    <definedName name="ﾒﾆｭｰ" localSheetId="4">#REF!</definedName>
    <definedName name="ﾒﾆｭｰ" localSheetId="5">#REF!</definedName>
    <definedName name="ﾒﾆｭｰ" localSheetId="6">#REF!</definedName>
    <definedName name="ﾒﾆｭｰ" localSheetId="7">#REF!</definedName>
    <definedName name="ﾒﾆｭｰ" localSheetId="8">#REF!</definedName>
    <definedName name="ﾒﾆｭｰ" localSheetId="2">#REF!</definedName>
    <definedName name="ﾒﾆｭｰ">#REF!</definedName>
    <definedName name="モジュール数">[65]条件!$C$11</definedName>
    <definedName name="モジュール単価" localSheetId="4">#REF!</definedName>
    <definedName name="モジュール単価" localSheetId="5">#REF!</definedName>
    <definedName name="モジュール単価" localSheetId="6">#REF!</definedName>
    <definedName name="モジュール単価" localSheetId="7">#REF!</definedName>
    <definedName name="モジュール単価" localSheetId="8">#REF!</definedName>
    <definedName name="モジュール単価" localSheetId="9">#REF!</definedName>
    <definedName name="モジュール単価" localSheetId="2">#REF!</definedName>
    <definedName name="モジュール単価">#REF!</definedName>
    <definedName name="モタ" localSheetId="4">#REF!</definedName>
    <definedName name="モタ" localSheetId="5">#REF!</definedName>
    <definedName name="モタ" localSheetId="6">#REF!</definedName>
    <definedName name="モタ" localSheetId="7">#REF!</definedName>
    <definedName name="モタ" localSheetId="8">#REF!</definedName>
    <definedName name="モタ" localSheetId="2">#REF!</definedName>
    <definedName name="モタ">#REF!</definedName>
    <definedName name="モルタ" localSheetId="4">#REF!</definedName>
    <definedName name="モルタ" localSheetId="5">#REF!</definedName>
    <definedName name="モルタ" localSheetId="6">#REF!</definedName>
    <definedName name="モルタ" localSheetId="7">#REF!</definedName>
    <definedName name="モルタ" localSheetId="8">#REF!</definedName>
    <definedName name="モルタ" localSheetId="2">#REF!</definedName>
    <definedName name="モルタ">#REF!</definedName>
    <definedName name="モルタル" localSheetId="4">#REF!</definedName>
    <definedName name="モルタル" localSheetId="5">#REF!</definedName>
    <definedName name="モルタル" localSheetId="6">#REF!</definedName>
    <definedName name="モルタル" localSheetId="7">#REF!</definedName>
    <definedName name="モルタル" localSheetId="8">#REF!</definedName>
    <definedName name="モルタル" localSheetId="2">#REF!</definedName>
    <definedName name="モルタル">#REF!</definedName>
    <definedName name="モルタル１２" localSheetId="4">#REF!</definedName>
    <definedName name="モルタル１２" localSheetId="5">#REF!</definedName>
    <definedName name="モルタル１２" localSheetId="6">#REF!</definedName>
    <definedName name="モルタル１２" localSheetId="7">#REF!</definedName>
    <definedName name="モルタル１２" localSheetId="8">#REF!</definedName>
    <definedName name="モルタル１２" localSheetId="2">#REF!</definedName>
    <definedName name="モルタル１２">#REF!</definedName>
    <definedName name="ユニット数" localSheetId="4">#REF!</definedName>
    <definedName name="ユニット数" localSheetId="5">#REF!</definedName>
    <definedName name="ユニット数" localSheetId="6">#REF!</definedName>
    <definedName name="ユニット数" localSheetId="7">#REF!</definedName>
    <definedName name="ユニット数" localSheetId="8">#REF!</definedName>
    <definedName name="ユニット数" localSheetId="2">#REF!</definedName>
    <definedName name="ユニット数">#REF!</definedName>
    <definedName name="ら" localSheetId="9">施工条件明示一覧表!ら</definedName>
    <definedName name="ら" localSheetId="0">設計書表紙!ら</definedName>
    <definedName name="ら">[0]!ら</definedName>
    <definedName name="ﾛﾗｰ運転0.8_1.1t" localSheetId="4">#REF!</definedName>
    <definedName name="ﾛﾗｰ運転0.8_1.1t" localSheetId="5">#REF!</definedName>
    <definedName name="ﾛﾗｰ運転0.8_1.1t" localSheetId="6">#REF!</definedName>
    <definedName name="ﾛﾗｰ運転0.8_1.1t" localSheetId="7">#REF!</definedName>
    <definedName name="ﾛﾗｰ運転0.8_1.1t" localSheetId="8">#REF!</definedName>
    <definedName name="ﾛﾗｰ運転0.8_1.1t" localSheetId="0">#REF!</definedName>
    <definedName name="ﾛﾗｰ運転0.8_1.1t" localSheetId="2">#REF!</definedName>
    <definedName name="ﾛﾗｰ運転0.8_1.1t">#REF!</definedName>
    <definedName name="ﾛﾗｰ運転3.0_4.0t" localSheetId="4">#REF!</definedName>
    <definedName name="ﾛﾗｰ運転3.0_4.0t" localSheetId="5">#REF!</definedName>
    <definedName name="ﾛﾗｰ運転3.0_4.0t" localSheetId="6">#REF!</definedName>
    <definedName name="ﾛﾗｰ運転3.0_4.0t" localSheetId="7">#REF!</definedName>
    <definedName name="ﾛﾗｰ運転3.0_4.0t" localSheetId="8">#REF!</definedName>
    <definedName name="ﾛﾗｰ運転3.0_4.0t" localSheetId="0">#REF!</definedName>
    <definedName name="ﾛﾗｰ運転3.0_4.0t" localSheetId="2">#REF!</definedName>
    <definedName name="ﾛﾗｰ運転3.0_4.0t">#REF!</definedName>
    <definedName name="ん">[26]条件!$E$21</definedName>
    <definedName name="んｈ">'[27]１ページ'!$J$41</definedName>
    <definedName name="んｍ" localSheetId="9">施工条件明示一覧表!んｍ</definedName>
    <definedName name="んｍ" localSheetId="0">設計書表紙!んｍ</definedName>
    <definedName name="んｍ">[0]!んｍ</definedName>
    <definedName name="安全" localSheetId="4">#REF!</definedName>
    <definedName name="安全" localSheetId="5">#REF!</definedName>
    <definedName name="安全" localSheetId="6">#REF!</definedName>
    <definedName name="安全" localSheetId="7">#REF!</definedName>
    <definedName name="安全" localSheetId="8">#REF!</definedName>
    <definedName name="安全" localSheetId="0">#REF!</definedName>
    <definedName name="安全" localSheetId="2">#REF!</definedName>
    <definedName name="安全">#REF!</definedName>
    <definedName name="按分" localSheetId="4">#REF!</definedName>
    <definedName name="按分" localSheetId="5">#REF!</definedName>
    <definedName name="按分" localSheetId="6">#REF!</definedName>
    <definedName name="按分" localSheetId="7">#REF!</definedName>
    <definedName name="按分" localSheetId="8">#REF!</definedName>
    <definedName name="按分" localSheetId="2">#REF!</definedName>
    <definedName name="按分">#REF!</definedName>
    <definedName name="異形管率" localSheetId="4">#REF!</definedName>
    <definedName name="異形管率" localSheetId="5">#REF!</definedName>
    <definedName name="異形管率" localSheetId="6">#REF!</definedName>
    <definedName name="異形管率" localSheetId="7">#REF!</definedName>
    <definedName name="異形管率" localSheetId="8">#REF!</definedName>
    <definedName name="異形管率" localSheetId="2">#REF!</definedName>
    <definedName name="異形管率">#REF!</definedName>
    <definedName name="移動" localSheetId="4">#REF!</definedName>
    <definedName name="移動" localSheetId="5">#REF!</definedName>
    <definedName name="移動" localSheetId="6">#REF!</definedName>
    <definedName name="移動" localSheetId="7">#REF!</definedName>
    <definedName name="移動" localSheetId="8">#REF!</definedName>
    <definedName name="移動" localSheetId="2">#REF!</definedName>
    <definedName name="移動">#REF!</definedName>
    <definedName name="維持管理委託費" localSheetId="4">#REF!</definedName>
    <definedName name="維持管理委託費" localSheetId="5">#REF!</definedName>
    <definedName name="維持管理委託費" localSheetId="6">#REF!</definedName>
    <definedName name="維持管理委託費" localSheetId="7">#REF!</definedName>
    <definedName name="維持管理委託費" localSheetId="8">#REF!</definedName>
    <definedName name="維持管理委託費" localSheetId="2">#REF!</definedName>
    <definedName name="維持管理委託費">#REF!</definedName>
    <definedName name="井戸水" localSheetId="4">#REF!</definedName>
    <definedName name="井戸水" localSheetId="5">#REF!</definedName>
    <definedName name="井戸水" localSheetId="6">#REF!</definedName>
    <definedName name="井戸水" localSheetId="7">#REF!</definedName>
    <definedName name="井戸水" localSheetId="8">#REF!</definedName>
    <definedName name="井戸水" localSheetId="2">#REF!</definedName>
    <definedName name="井戸水">#REF!</definedName>
    <definedName name="井水">[66]条件!$C$6</definedName>
    <definedName name="一" localSheetId="4">#REF!</definedName>
    <definedName name="一" localSheetId="5">#REF!</definedName>
    <definedName name="一" localSheetId="6">#REF!</definedName>
    <definedName name="一" localSheetId="7">#REF!</definedName>
    <definedName name="一" localSheetId="8">#REF!</definedName>
    <definedName name="一" localSheetId="9">#REF!</definedName>
    <definedName name="一" localSheetId="2">#REF!</definedName>
    <definedName name="一">#REF!</definedName>
    <definedName name="一位代価" localSheetId="4">#REF!</definedName>
    <definedName name="一位代価" localSheetId="5">#REF!</definedName>
    <definedName name="一位代価" localSheetId="6">#REF!</definedName>
    <definedName name="一位代価" localSheetId="7">#REF!</definedName>
    <definedName name="一位代価" localSheetId="8">#REF!</definedName>
    <definedName name="一位代価" localSheetId="2">#REF!</definedName>
    <definedName name="一位代価">#REF!</definedName>
    <definedName name="一般運転手" localSheetId="4">#REF!</definedName>
    <definedName name="一般運転手" localSheetId="5">#REF!</definedName>
    <definedName name="一般運転手" localSheetId="6">#REF!</definedName>
    <definedName name="一般運転手" localSheetId="7">#REF!</definedName>
    <definedName name="一般運転手" localSheetId="8">#REF!</definedName>
    <definedName name="一般運転手" localSheetId="0">#REF!</definedName>
    <definedName name="一般運転手" localSheetId="2">#REF!</definedName>
    <definedName name="一般運転手">#REF!</definedName>
    <definedName name="一般労務費" localSheetId="4">#REF!</definedName>
    <definedName name="一般労務費" localSheetId="5">#REF!</definedName>
    <definedName name="一般労務費" localSheetId="6">#REF!</definedName>
    <definedName name="一般労務費" localSheetId="7">#REF!</definedName>
    <definedName name="一般労務費" localSheetId="8">#REF!</definedName>
    <definedName name="一般労務費" localSheetId="0">#REF!</definedName>
    <definedName name="一般労務費" localSheetId="2">#REF!</definedName>
    <definedName name="一般労務費">#REF!</definedName>
    <definedName name="印刷" localSheetId="4">[67]!印刷</definedName>
    <definedName name="印刷" localSheetId="5">[67]!印刷</definedName>
    <definedName name="印刷" localSheetId="6">[67]!印刷</definedName>
    <definedName name="印刷" localSheetId="7">[67]!印刷</definedName>
    <definedName name="印刷" localSheetId="8">[67]!印刷</definedName>
    <definedName name="印刷" localSheetId="0">[67]!印刷</definedName>
    <definedName name="印刷" localSheetId="2">[67]!印刷</definedName>
    <definedName name="印刷">[67]!印刷</definedName>
    <definedName name="印刷05" localSheetId="4">#REF!</definedName>
    <definedName name="印刷05" localSheetId="5">#REF!</definedName>
    <definedName name="印刷05" localSheetId="6">#REF!</definedName>
    <definedName name="印刷05" localSheetId="7">#REF!</definedName>
    <definedName name="印刷05" localSheetId="8">#REF!</definedName>
    <definedName name="印刷05" localSheetId="0">#REF!</definedName>
    <definedName name="印刷05" localSheetId="2">#REF!</definedName>
    <definedName name="印刷05">#REF!</definedName>
    <definedName name="印刷1" localSheetId="4">#REF!</definedName>
    <definedName name="印刷1" localSheetId="5">#REF!</definedName>
    <definedName name="印刷1" localSheetId="6">#REF!</definedName>
    <definedName name="印刷1" localSheetId="7">#REF!</definedName>
    <definedName name="印刷1" localSheetId="8">#REF!</definedName>
    <definedName name="印刷1" localSheetId="2">#REF!</definedName>
    <definedName name="印刷1">#REF!</definedName>
    <definedName name="印刷10" localSheetId="4">#REF!</definedName>
    <definedName name="印刷10" localSheetId="5">#REF!</definedName>
    <definedName name="印刷10" localSheetId="6">#REF!</definedName>
    <definedName name="印刷10" localSheetId="7">#REF!</definedName>
    <definedName name="印刷10" localSheetId="8">#REF!</definedName>
    <definedName name="印刷10" localSheetId="0">#REF!</definedName>
    <definedName name="印刷10" localSheetId="2">#REF!</definedName>
    <definedName name="印刷10">#REF!</definedName>
    <definedName name="印刷2" localSheetId="4">#REF!</definedName>
    <definedName name="印刷2" localSheetId="5">#REF!</definedName>
    <definedName name="印刷2" localSheetId="6">#REF!</definedName>
    <definedName name="印刷2" localSheetId="7">#REF!</definedName>
    <definedName name="印刷2" localSheetId="8">#REF!</definedName>
    <definedName name="印刷2" localSheetId="2">#REF!</definedName>
    <definedName name="印刷2">#REF!</definedName>
    <definedName name="印刷20" localSheetId="4">#REF!</definedName>
    <definedName name="印刷20" localSheetId="5">#REF!</definedName>
    <definedName name="印刷20" localSheetId="6">#REF!</definedName>
    <definedName name="印刷20" localSheetId="7">#REF!</definedName>
    <definedName name="印刷20" localSheetId="8">#REF!</definedName>
    <definedName name="印刷20" localSheetId="0">#REF!</definedName>
    <definedName name="印刷20" localSheetId="2">#REF!</definedName>
    <definedName name="印刷20">#REF!</definedName>
    <definedName name="印刷3" localSheetId="4">#REF!</definedName>
    <definedName name="印刷3" localSheetId="5">#REF!</definedName>
    <definedName name="印刷3" localSheetId="6">#REF!</definedName>
    <definedName name="印刷3" localSheetId="7">#REF!</definedName>
    <definedName name="印刷3" localSheetId="8">#REF!</definedName>
    <definedName name="印刷3" localSheetId="2">#REF!</definedName>
    <definedName name="印刷3">#REF!</definedName>
    <definedName name="印刷30" localSheetId="4">#REF!</definedName>
    <definedName name="印刷30" localSheetId="5">#REF!</definedName>
    <definedName name="印刷30" localSheetId="6">#REF!</definedName>
    <definedName name="印刷30" localSheetId="7">#REF!</definedName>
    <definedName name="印刷30" localSheetId="8">#REF!</definedName>
    <definedName name="印刷30" localSheetId="0">#REF!</definedName>
    <definedName name="印刷30" localSheetId="2">#REF!</definedName>
    <definedName name="印刷30">#REF!</definedName>
    <definedName name="印刷4" localSheetId="4">#REF!</definedName>
    <definedName name="印刷4" localSheetId="5">#REF!</definedName>
    <definedName name="印刷4" localSheetId="6">#REF!</definedName>
    <definedName name="印刷4" localSheetId="7">#REF!</definedName>
    <definedName name="印刷4" localSheetId="8">#REF!</definedName>
    <definedName name="印刷4" localSheetId="2">#REF!</definedName>
    <definedName name="印刷4">#REF!</definedName>
    <definedName name="印刷40" localSheetId="4">#REF!</definedName>
    <definedName name="印刷40" localSheetId="5">#REF!</definedName>
    <definedName name="印刷40" localSheetId="6">#REF!</definedName>
    <definedName name="印刷40" localSheetId="7">#REF!</definedName>
    <definedName name="印刷40" localSheetId="8">#REF!</definedName>
    <definedName name="印刷40" localSheetId="0">#REF!</definedName>
    <definedName name="印刷40" localSheetId="2">#REF!</definedName>
    <definedName name="印刷40">#REF!</definedName>
    <definedName name="印刷50" localSheetId="4">#REF!</definedName>
    <definedName name="印刷50" localSheetId="5">#REF!</definedName>
    <definedName name="印刷50" localSheetId="6">#REF!</definedName>
    <definedName name="印刷50" localSheetId="7">#REF!</definedName>
    <definedName name="印刷50" localSheetId="8">#REF!</definedName>
    <definedName name="印刷50" localSheetId="0">#REF!</definedName>
    <definedName name="印刷50" localSheetId="2">#REF!</definedName>
    <definedName name="印刷50">#REF!</definedName>
    <definedName name="印刷7" localSheetId="4">#REF!</definedName>
    <definedName name="印刷7" localSheetId="5">#REF!</definedName>
    <definedName name="印刷7" localSheetId="6">#REF!</definedName>
    <definedName name="印刷7" localSheetId="7">#REF!</definedName>
    <definedName name="印刷7" localSheetId="8">#REF!</definedName>
    <definedName name="印刷7" localSheetId="2">#REF!</definedName>
    <definedName name="印刷7">#REF!</definedName>
    <definedName name="印刷8" localSheetId="4">#REF!</definedName>
    <definedName name="印刷8" localSheetId="5">#REF!</definedName>
    <definedName name="印刷8" localSheetId="6">#REF!</definedName>
    <definedName name="印刷8" localSheetId="7">#REF!</definedName>
    <definedName name="印刷8" localSheetId="8">#REF!</definedName>
    <definedName name="印刷8" localSheetId="2">#REF!</definedName>
    <definedName name="印刷8">#REF!</definedName>
    <definedName name="印刷EX" localSheetId="4">#REF!</definedName>
    <definedName name="印刷EX" localSheetId="5">#REF!</definedName>
    <definedName name="印刷EX" localSheetId="6">#REF!</definedName>
    <definedName name="印刷EX" localSheetId="7">#REF!</definedName>
    <definedName name="印刷EX" localSheetId="8">#REF!</definedName>
    <definedName name="印刷EX" localSheetId="0">#REF!</definedName>
    <definedName name="印刷EX" localSheetId="2">#REF!</definedName>
    <definedName name="印刷EX">#REF!</definedName>
    <definedName name="印刷後" localSheetId="9">施工条件明示一覧表!印刷後</definedName>
    <definedName name="印刷後" localSheetId="0">設計書表紙!印刷後</definedName>
    <definedName name="印刷後">[0]!印刷後</definedName>
    <definedName name="印刷範囲" localSheetId="4">#REF!</definedName>
    <definedName name="印刷範囲" localSheetId="5">#REF!</definedName>
    <definedName name="印刷範囲" localSheetId="6">#REF!</definedName>
    <definedName name="印刷範囲" localSheetId="7">#REF!</definedName>
    <definedName name="印刷範囲" localSheetId="8">#REF!</definedName>
    <definedName name="印刷範囲" localSheetId="9">#REF!</definedName>
    <definedName name="印刷範囲" localSheetId="2">#REF!</definedName>
    <definedName name="印刷範囲">#REF!</definedName>
    <definedName name="印刷表" localSheetId="4">[68]表紙!#REF!</definedName>
    <definedName name="印刷表" localSheetId="5">[68]表紙!#REF!</definedName>
    <definedName name="印刷表" localSheetId="6">[68]表紙!#REF!</definedName>
    <definedName name="印刷表" localSheetId="7">[68]表紙!#REF!</definedName>
    <definedName name="印刷表" localSheetId="8">[68]表紙!#REF!</definedName>
    <definedName name="印刷表" localSheetId="9">[68]表紙!#REF!</definedName>
    <definedName name="印刷表" localSheetId="2">[68]表紙!#REF!</definedName>
    <definedName name="印刷表">[68]表紙!#REF!</definedName>
    <definedName name="雨汚合">'[22]入力データ(H27用シート連動）'!$S$2:$S$25</definedName>
    <definedName name="雨水濾過">[4]歩・屋!$W$8</definedName>
    <definedName name="運送費表示" localSheetId="4">#REF!</definedName>
    <definedName name="運送費表示" localSheetId="5">#REF!</definedName>
    <definedName name="運送費表示" localSheetId="6">#REF!</definedName>
    <definedName name="運送費表示" localSheetId="7">#REF!</definedName>
    <definedName name="運送費表示" localSheetId="8">#REF!</definedName>
    <definedName name="運送費表示" localSheetId="9">#REF!</definedName>
    <definedName name="運送費表示" localSheetId="2">#REF!</definedName>
    <definedName name="運送費表示">#REF!</definedName>
    <definedName name="運転時間" localSheetId="4">#REF!</definedName>
    <definedName name="運転時間" localSheetId="5">#REF!</definedName>
    <definedName name="運転時間" localSheetId="6">#REF!</definedName>
    <definedName name="運転時間" localSheetId="7">#REF!</definedName>
    <definedName name="運転時間" localSheetId="8">#REF!</definedName>
    <definedName name="運転時間" localSheetId="2">#REF!</definedName>
    <definedName name="運転時間">#REF!</definedName>
    <definedName name="運転手_一般" localSheetId="4">#REF!</definedName>
    <definedName name="運転手_一般" localSheetId="5">#REF!</definedName>
    <definedName name="運転手_一般" localSheetId="6">#REF!</definedName>
    <definedName name="運転手_一般" localSheetId="7">#REF!</definedName>
    <definedName name="運転手_一般" localSheetId="8">#REF!</definedName>
    <definedName name="運転手_一般" localSheetId="2">#REF!</definedName>
    <definedName name="運転手_一般">#REF!</definedName>
    <definedName name="運転手_特殊" localSheetId="4">#REF!</definedName>
    <definedName name="運転手_特殊" localSheetId="5">#REF!</definedName>
    <definedName name="運転手_特殊" localSheetId="6">#REF!</definedName>
    <definedName name="運転手_特殊" localSheetId="7">#REF!</definedName>
    <definedName name="運転手_特殊" localSheetId="8">#REF!</definedName>
    <definedName name="運転手_特殊" localSheetId="2">#REF!</definedName>
    <definedName name="運転手_特殊">#REF!</definedName>
    <definedName name="運転日数" localSheetId="4">#REF!</definedName>
    <definedName name="運転日数" localSheetId="5">#REF!</definedName>
    <definedName name="運転日数" localSheetId="6">#REF!</definedName>
    <definedName name="運転日数" localSheetId="7">#REF!</definedName>
    <definedName name="運転日数" localSheetId="8">#REF!</definedName>
    <definedName name="運転日数" localSheetId="2">#REF!</definedName>
    <definedName name="運転日数">#REF!</definedName>
    <definedName name="運搬" localSheetId="4">#REF!</definedName>
    <definedName name="運搬" localSheetId="5">#REF!</definedName>
    <definedName name="運搬" localSheetId="6">#REF!</definedName>
    <definedName name="運搬" localSheetId="7">#REF!</definedName>
    <definedName name="運搬" localSheetId="8">#REF!</definedName>
    <definedName name="運搬" localSheetId="0">#REF!</definedName>
    <definedName name="運搬" localSheetId="2">#REF!</definedName>
    <definedName name="運搬">#REF!</definedName>
    <definedName name="営繕" localSheetId="4">#REF!</definedName>
    <definedName name="営繕" localSheetId="5">#REF!</definedName>
    <definedName name="営繕" localSheetId="6">#REF!</definedName>
    <definedName name="営繕" localSheetId="7">#REF!</definedName>
    <definedName name="営繕" localSheetId="8">#REF!</definedName>
    <definedName name="営繕" localSheetId="0">#REF!</definedName>
    <definedName name="営繕" localSheetId="2">#REF!</definedName>
    <definedName name="営繕">#REF!</definedName>
    <definedName name="衛生器具" localSheetId="4">#REF!</definedName>
    <definedName name="衛生器具" localSheetId="5">#REF!</definedName>
    <definedName name="衛生器具" localSheetId="6">#REF!</definedName>
    <definedName name="衛生器具" localSheetId="7">#REF!</definedName>
    <definedName name="衛生器具" localSheetId="8">#REF!</definedName>
    <definedName name="衛生器具" localSheetId="2">#REF!</definedName>
    <definedName name="衛生器具">#REF!</definedName>
    <definedName name="汚水桝" localSheetId="4">[69]排水桝!#REF!</definedName>
    <definedName name="汚水桝" localSheetId="5">[69]排水桝!#REF!</definedName>
    <definedName name="汚水桝" localSheetId="6">[69]排水桝!#REF!</definedName>
    <definedName name="汚水桝" localSheetId="7">[69]排水桝!#REF!</definedName>
    <definedName name="汚水桝" localSheetId="8">[69]排水桝!#REF!</definedName>
    <definedName name="汚水桝" localSheetId="9">[70]排水桝!#REF!</definedName>
    <definedName name="汚水桝" localSheetId="2">[69]排水桝!#REF!</definedName>
    <definedName name="汚水桝">[69]排水桝!#REF!</definedName>
    <definedName name="横太線">#N/A</definedName>
    <definedName name="屋外ｶﾞｽ" localSheetId="4">#REF!</definedName>
    <definedName name="屋外ｶﾞｽ" localSheetId="5">#REF!</definedName>
    <definedName name="屋外ｶﾞｽ" localSheetId="6">#REF!</definedName>
    <definedName name="屋外ｶﾞｽ" localSheetId="7">#REF!</definedName>
    <definedName name="屋外ｶﾞｽ" localSheetId="8">#REF!</definedName>
    <definedName name="屋外ｶﾞｽ" localSheetId="9">#REF!</definedName>
    <definedName name="屋外ｶﾞｽ" localSheetId="2">#REF!</definedName>
    <definedName name="屋外ｶﾞｽ">#REF!</definedName>
    <definedName name="屋外給水" localSheetId="4">#REF!</definedName>
    <definedName name="屋外給水" localSheetId="5">#REF!</definedName>
    <definedName name="屋外給水" localSheetId="6">#REF!</definedName>
    <definedName name="屋外給水" localSheetId="7">#REF!</definedName>
    <definedName name="屋外給水" localSheetId="8">#REF!</definedName>
    <definedName name="屋外給水" localSheetId="2">#REF!</definedName>
    <definedName name="屋外給水">#REF!</definedName>
    <definedName name="屋外排水" localSheetId="4">#REF!</definedName>
    <definedName name="屋外排水" localSheetId="5">#REF!</definedName>
    <definedName name="屋外排水" localSheetId="6">#REF!</definedName>
    <definedName name="屋外排水" localSheetId="7">#REF!</definedName>
    <definedName name="屋外排水" localSheetId="8">#REF!</definedName>
    <definedName name="屋外排水" localSheetId="2">#REF!</definedName>
    <definedName name="屋外排水">#REF!</definedName>
    <definedName name="屋根">[7]外部!$A$1</definedName>
    <definedName name="屋根ふき工" localSheetId="4">#REF!</definedName>
    <definedName name="屋根ふき工" localSheetId="5">#REF!</definedName>
    <definedName name="屋根ふき工" localSheetId="6">#REF!</definedName>
    <definedName name="屋根ふき工" localSheetId="7">#REF!</definedName>
    <definedName name="屋根ふき工" localSheetId="8">#REF!</definedName>
    <definedName name="屋根ふき工" localSheetId="9">#REF!</definedName>
    <definedName name="屋根ふき工" localSheetId="2">#REF!</definedName>
    <definedName name="屋根ふき工">#REF!</definedName>
    <definedName name="屋内ｶﾞｽ" localSheetId="4">#REF!</definedName>
    <definedName name="屋内ｶﾞｽ" localSheetId="5">#REF!</definedName>
    <definedName name="屋内ｶﾞｽ" localSheetId="6">#REF!</definedName>
    <definedName name="屋内ｶﾞｽ" localSheetId="7">#REF!</definedName>
    <definedName name="屋内ｶﾞｽ" localSheetId="8">#REF!</definedName>
    <definedName name="屋内ｶﾞｽ" localSheetId="2">#REF!</definedName>
    <definedName name="屋内ｶﾞｽ">#REF!</definedName>
    <definedName name="屋内給水" localSheetId="4">#REF!</definedName>
    <definedName name="屋内給水" localSheetId="5">#REF!</definedName>
    <definedName name="屋内給水" localSheetId="6">#REF!</definedName>
    <definedName name="屋内給水" localSheetId="7">#REF!</definedName>
    <definedName name="屋内給水" localSheetId="8">#REF!</definedName>
    <definedName name="屋内給水" localSheetId="2">#REF!</definedName>
    <definedName name="屋内給水">#REF!</definedName>
    <definedName name="屋内排水" localSheetId="4">#REF!</definedName>
    <definedName name="屋内排水" localSheetId="5">#REF!</definedName>
    <definedName name="屋内排水" localSheetId="6">#REF!</definedName>
    <definedName name="屋内排水" localSheetId="7">#REF!</definedName>
    <definedName name="屋内排水" localSheetId="8">#REF!</definedName>
    <definedName name="屋内排水" localSheetId="2">#REF!</definedName>
    <definedName name="屋内排水">#REF!</definedName>
    <definedName name="化粧鏡" localSheetId="4">#REF!</definedName>
    <definedName name="化粧鏡" localSheetId="5">#REF!</definedName>
    <definedName name="化粧鏡" localSheetId="6">#REF!</definedName>
    <definedName name="化粧鏡" localSheetId="7">#REF!</definedName>
    <definedName name="化粧鏡" localSheetId="8">#REF!</definedName>
    <definedName name="化粧鏡" localSheetId="2">#REF!</definedName>
    <definedName name="化粧鏡">#REF!</definedName>
    <definedName name="仮" localSheetId="9" hidden="1">#REF!</definedName>
    <definedName name="仮">[71]亜鉛鉄板!$AP$1</definedName>
    <definedName name="仮1" localSheetId="4" hidden="1">#REF!</definedName>
    <definedName name="仮1" localSheetId="5" hidden="1">#REF!</definedName>
    <definedName name="仮1" localSheetId="6" hidden="1">#REF!</definedName>
    <definedName name="仮1" localSheetId="7" hidden="1">#REF!</definedName>
    <definedName name="仮1" localSheetId="8" hidden="1">#REF!</definedName>
    <definedName name="仮1" localSheetId="2" hidden="1">#REF!</definedName>
    <definedName name="仮1" hidden="1">#REF!</definedName>
    <definedName name="仮２" localSheetId="4" hidden="1">#REF!</definedName>
    <definedName name="仮２" localSheetId="5" hidden="1">#REF!</definedName>
    <definedName name="仮２" localSheetId="6" hidden="1">#REF!</definedName>
    <definedName name="仮２" localSheetId="7" hidden="1">#REF!</definedName>
    <definedName name="仮２" localSheetId="8" hidden="1">#REF!</definedName>
    <definedName name="仮２" localSheetId="2" hidden="1">#REF!</definedName>
    <definedName name="仮２" hidden="1">#REF!</definedName>
    <definedName name="仮ＮＯ" localSheetId="4">#REF!</definedName>
    <definedName name="仮ＮＯ" localSheetId="5">#REF!</definedName>
    <definedName name="仮ＮＯ" localSheetId="6">#REF!</definedName>
    <definedName name="仮ＮＯ" localSheetId="7">#REF!</definedName>
    <definedName name="仮ＮＯ" localSheetId="8">#REF!</definedName>
    <definedName name="仮ＮＯ" localSheetId="2">#REF!</definedName>
    <definedName name="仮ＮＯ">#REF!</definedName>
    <definedName name="仮囲い" localSheetId="9">施工条件明示一覧表!仮囲い</definedName>
    <definedName name="仮囲い" localSheetId="0">設計書表紙!仮囲い</definedName>
    <definedName name="仮囲い">[0]!仮囲い</definedName>
    <definedName name="仮囲い１" localSheetId="9">施工条件明示一覧表!仮囲い１</definedName>
    <definedName name="仮囲い１" localSheetId="0">設計書表紙!仮囲い１</definedName>
    <definedName name="仮囲い１">[0]!仮囲い１</definedName>
    <definedName name="仮囲い２" localSheetId="9">施工条件明示一覧表!仮囲い２</definedName>
    <definedName name="仮囲い２" localSheetId="0">設計書表紙!仮囲い２</definedName>
    <definedName name="仮囲い２">[0]!仮囲い２</definedName>
    <definedName name="仮囲い３" localSheetId="9">施工条件明示一覧表!仮囲い３</definedName>
    <definedName name="仮囲い３" localSheetId="0">設計書表紙!仮囲い３</definedName>
    <definedName name="仮囲い３">[0]!仮囲い３</definedName>
    <definedName name="仮囲い４" localSheetId="9">施工条件明示一覧表!仮囲い４</definedName>
    <definedName name="仮囲い４" localSheetId="0">設計書表紙!仮囲い４</definedName>
    <definedName name="仮囲い４">[0]!仮囲い４</definedName>
    <definedName name="仮囲い５" localSheetId="9">施工条件明示一覧表!仮囲い５</definedName>
    <definedName name="仮囲い５" localSheetId="0">設計書表紙!仮囲い５</definedName>
    <definedName name="仮囲い５">[0]!仮囲い５</definedName>
    <definedName name="仮設" localSheetId="4">#REF!</definedName>
    <definedName name="仮設" localSheetId="5">#REF!</definedName>
    <definedName name="仮設" localSheetId="6">#REF!</definedName>
    <definedName name="仮設" localSheetId="7">#REF!</definedName>
    <definedName name="仮設" localSheetId="8">#REF!</definedName>
    <definedName name="仮設" localSheetId="0">#REF!</definedName>
    <definedName name="仮設" localSheetId="2">#REF!</definedName>
    <definedName name="仮設">#REF!</definedName>
    <definedName name="仮設1" localSheetId="9">施工条件明示一覧表!仮設1</definedName>
    <definedName name="仮設1">[0]!仮設1</definedName>
    <definedName name="仮設給水" localSheetId="9">施工条件明示一覧表!仮設給水</definedName>
    <definedName name="仮設給水">[0]!仮設給水</definedName>
    <definedName name="仮設給水管資材" localSheetId="9" hidden="1">{"設定1",#N/A,FALSE,"第5号-1";"設定2",#N/A,FALSE,"第5号-1"}</definedName>
    <definedName name="仮設給水管資材" hidden="1">{"設定1",#N/A,FALSE,"第5号-1";"設定2",#N/A,FALSE,"第5号-1"}</definedName>
    <definedName name="仮設給水労務" localSheetId="9">施工条件明示一覧表!仮設給水労務</definedName>
    <definedName name="仮設給水労務">[0]!仮設給水労務</definedName>
    <definedName name="仮設配水管労務" localSheetId="9" hidden="1">{"設定1",#N/A,FALSE,"第5号-1";"設定2",#N/A,FALSE,"第5号-1"}</definedName>
    <definedName name="仮設配水管労務" hidden="1">{"設定1",#N/A,FALSE,"第5号-1";"設定2",#N/A,FALSE,"第5号-1"}</definedName>
    <definedName name="河川水" localSheetId="4">#REF!</definedName>
    <definedName name="河川水" localSheetId="5">#REF!</definedName>
    <definedName name="河川水" localSheetId="6">#REF!</definedName>
    <definedName name="河川水" localSheetId="7">#REF!</definedName>
    <definedName name="河川水" localSheetId="8">#REF!</definedName>
    <definedName name="河川水" localSheetId="9">#REF!</definedName>
    <definedName name="河川水" localSheetId="2">#REF!</definedName>
    <definedName name="河川水">#REF!</definedName>
    <definedName name="稼働時間" localSheetId="4">#REF!</definedName>
    <definedName name="稼働時間" localSheetId="5">#REF!</definedName>
    <definedName name="稼働時間" localSheetId="6">#REF!</definedName>
    <definedName name="稼働時間" localSheetId="7">#REF!</definedName>
    <definedName name="稼働時間" localSheetId="8">#REF!</definedName>
    <definedName name="稼働時間" localSheetId="2">#REF!</definedName>
    <definedName name="稼働時間">#REF!</definedName>
    <definedName name="課係名">'[22]入力データ(H27用シート連動）'!$L$2:$L$18</definedName>
    <definedName name="解析単位重量" localSheetId="4">#REF!</definedName>
    <definedName name="解析単位重量" localSheetId="5">#REF!</definedName>
    <definedName name="解析単位重量" localSheetId="6">#REF!</definedName>
    <definedName name="解析単位重量" localSheetId="7">#REF!</definedName>
    <definedName name="解析単位重量" localSheetId="8">#REF!</definedName>
    <definedName name="解析単位重量" localSheetId="2">#REF!</definedName>
    <definedName name="解析単位重量">#REF!</definedName>
    <definedName name="回収率">[65]条件!$C$14</definedName>
    <definedName name="開口" localSheetId="4">[63]!Dialog3_ボタン2_Click</definedName>
    <definedName name="開口" localSheetId="5">[63]!Dialog3_ボタン2_Click</definedName>
    <definedName name="開口" localSheetId="6">[63]!Dialog3_ボタン2_Click</definedName>
    <definedName name="開口" localSheetId="7">[63]!Dialog3_ボタン2_Click</definedName>
    <definedName name="開口" localSheetId="8">[63]!Dialog3_ボタン2_Click</definedName>
    <definedName name="開口" localSheetId="2">[63]!Dialog3_ボタン2_Click</definedName>
    <definedName name="開口">[63]!Dialog3_ボタン2_Click</definedName>
    <definedName name="開始頁" localSheetId="4">[68]表紙!#REF!</definedName>
    <definedName name="開始頁" localSheetId="5">[68]表紙!#REF!</definedName>
    <definedName name="開始頁" localSheetId="6">[68]表紙!#REF!</definedName>
    <definedName name="開始頁" localSheetId="7">[68]表紙!#REF!</definedName>
    <definedName name="開始頁" localSheetId="8">[68]表紙!#REF!</definedName>
    <definedName name="開始頁" localSheetId="9">[68]表紙!#REF!</definedName>
    <definedName name="開始頁" localSheetId="2">[68]表紙!#REF!</definedName>
    <definedName name="開始頁">[68]表紙!#REF!</definedName>
    <definedName name="外構">[7]外構!$A$1</definedName>
    <definedName name="外部給排" localSheetId="4">#REF!</definedName>
    <definedName name="外部給排" localSheetId="5">#REF!</definedName>
    <definedName name="外部給排" localSheetId="6">#REF!</definedName>
    <definedName name="外部給排" localSheetId="7">#REF!</definedName>
    <definedName name="外部給排" localSheetId="8">#REF!</definedName>
    <definedName name="外部給排" localSheetId="9">#REF!</definedName>
    <definedName name="外部給排" localSheetId="2">#REF!</definedName>
    <definedName name="外部給排">#REF!</definedName>
    <definedName name="外部建具">[7]外部!$A$193</definedName>
    <definedName name="各種事業計画名">'[22]入力データ(H27用シート連動）'!$AI$1:$AI$28</definedName>
    <definedName name="確認0" localSheetId="4">#REF!</definedName>
    <definedName name="確認0" localSheetId="5">#REF!</definedName>
    <definedName name="確認0" localSheetId="6">#REF!</definedName>
    <definedName name="確認0" localSheetId="7">#REF!</definedName>
    <definedName name="確認0" localSheetId="8">#REF!</definedName>
    <definedName name="確認0" localSheetId="9">#REF!</definedName>
    <definedName name="確認0" localSheetId="2">#REF!</definedName>
    <definedName name="確認0">#REF!</definedName>
    <definedName name="換気" localSheetId="4">#REF!</definedName>
    <definedName name="換気" localSheetId="5">#REF!</definedName>
    <definedName name="換気" localSheetId="6">#REF!</definedName>
    <definedName name="換気" localSheetId="7">#REF!</definedName>
    <definedName name="換気" localSheetId="8">#REF!</definedName>
    <definedName name="換気" localSheetId="2">#REF!</definedName>
    <definedName name="換気">#REF!</definedName>
    <definedName name="環境" localSheetId="4">#REF!</definedName>
    <definedName name="環境" localSheetId="5">#REF!</definedName>
    <definedName name="環境" localSheetId="6">#REF!</definedName>
    <definedName name="環境" localSheetId="7">#REF!</definedName>
    <definedName name="環境" localSheetId="8">#REF!</definedName>
    <definedName name="環境" localSheetId="0">#REF!</definedName>
    <definedName name="環境" localSheetId="2">#REF!</definedName>
    <definedName name="環境">#REF!</definedName>
    <definedName name="環境対策区分" localSheetId="4">#REF!</definedName>
    <definedName name="環境対策区分" localSheetId="5">#REF!</definedName>
    <definedName name="環境対策区分" localSheetId="6">#REF!</definedName>
    <definedName name="環境対策区分" localSheetId="7">#REF!</definedName>
    <definedName name="環境対策区分" localSheetId="8">#REF!</definedName>
    <definedName name="環境対策区分" localSheetId="2">#REF!</definedName>
    <definedName name="環境対策区分">#REF!</definedName>
    <definedName name="環境対策区分1" localSheetId="4">#REF!</definedName>
    <definedName name="環境対策区分1" localSheetId="5">#REF!</definedName>
    <definedName name="環境対策区分1" localSheetId="6">#REF!</definedName>
    <definedName name="環境対策区分1" localSheetId="7">#REF!</definedName>
    <definedName name="環境対策区分1" localSheetId="8">#REF!</definedName>
    <definedName name="環境対策区分1" localSheetId="2">#REF!</definedName>
    <definedName name="環境対策区分1">#REF!</definedName>
    <definedName name="管渠土工計算書" localSheetId="4">#REF!</definedName>
    <definedName name="管渠土工計算書" localSheetId="5">#REF!</definedName>
    <definedName name="管渠土工計算書" localSheetId="6">#REF!</definedName>
    <definedName name="管渠土工計算書" localSheetId="7">#REF!</definedName>
    <definedName name="管渠土工計算書" localSheetId="8">#REF!</definedName>
    <definedName name="管渠土工計算書" localSheetId="2">#REF!</definedName>
    <definedName name="管渠土工計算書">#REF!</definedName>
    <definedName name="管理" localSheetId="9" hidden="1">{"設定1",#N/A,FALSE,"第5号-1";"設定2",#N/A,FALSE,"第5号-1"}</definedName>
    <definedName name="管理" hidden="1">{"設定1",#N/A,FALSE,"第5号-1";"設定2",#N/A,FALSE,"第5号-1"}</definedName>
    <definedName name="管理棟" localSheetId="9" hidden="1">{"設定1",#N/A,FALSE,"第5号-1";"設定2",#N/A,FALSE,"第5号-1"}</definedName>
    <definedName name="管理棟" hidden="1">{"設定1",#N/A,FALSE,"第5号-1";"設定2",#N/A,FALSE,"第5号-1"}</definedName>
    <definedName name="管理棟配線" localSheetId="9" hidden="1">{"設定1",#N/A,FALSE,"第5号-1";"設定2",#N/A,FALSE,"第5号-1"}</definedName>
    <definedName name="管理棟配線" hidden="1">{"設定1",#N/A,FALSE,"第5号-1";"設定2",#N/A,FALSE,"第5号-1"}</definedName>
    <definedName name="管理棟配線材料" localSheetId="9" hidden="1">{"設定1",#N/A,FALSE,"第5号-1";"設定2",#N/A,FALSE,"第5号-1"}</definedName>
    <definedName name="管理棟配線材料" hidden="1">{"設定1",#N/A,FALSE,"第5号-1";"設定2",#N/A,FALSE,"第5号-1"}</definedName>
    <definedName name="貫通部" localSheetId="4">#REF!</definedName>
    <definedName name="貫通部" localSheetId="5">#REF!</definedName>
    <definedName name="貫通部" localSheetId="6">#REF!</definedName>
    <definedName name="貫通部" localSheetId="7">#REF!</definedName>
    <definedName name="貫通部" localSheetId="8">#REF!</definedName>
    <definedName name="貫通部" localSheetId="9">#REF!</definedName>
    <definedName name="貫通部" localSheetId="2">#REF!</definedName>
    <definedName name="貫通部">#REF!</definedName>
    <definedName name="器" localSheetId="4">#REF!</definedName>
    <definedName name="器" localSheetId="5">#REF!</definedName>
    <definedName name="器" localSheetId="6">#REF!</definedName>
    <definedName name="器" localSheetId="7">#REF!</definedName>
    <definedName name="器" localSheetId="8">#REF!</definedName>
    <definedName name="器" localSheetId="2">#REF!</definedName>
    <definedName name="器">#REF!</definedName>
    <definedName name="基礎工" localSheetId="4">#REF!</definedName>
    <definedName name="基礎工" localSheetId="5">#REF!</definedName>
    <definedName name="基礎工" localSheetId="6">#REF!</definedName>
    <definedName name="基礎工" localSheetId="7">#REF!</definedName>
    <definedName name="基礎工" localSheetId="8">#REF!</definedName>
    <definedName name="基礎工" localSheetId="2">#REF!</definedName>
    <definedName name="基礎工">#REF!</definedName>
    <definedName name="既存校舎" localSheetId="4">[33]内訳書!#REF!</definedName>
    <definedName name="既存校舎" localSheetId="5">[33]内訳書!#REF!</definedName>
    <definedName name="既存校舎" localSheetId="6">[33]内訳書!#REF!</definedName>
    <definedName name="既存校舎" localSheetId="7">[33]内訳書!#REF!</definedName>
    <definedName name="既存校舎" localSheetId="8">[33]内訳書!#REF!</definedName>
    <definedName name="既存校舎" localSheetId="2">[33]内訳書!#REF!</definedName>
    <definedName name="既存校舎">[33]内訳書!#REF!</definedName>
    <definedName name="機械一般率表" localSheetId="4">#REF!</definedName>
    <definedName name="機械一般率表" localSheetId="5">#REF!</definedName>
    <definedName name="機械一般率表" localSheetId="6">#REF!</definedName>
    <definedName name="機械一般率表" localSheetId="7">#REF!</definedName>
    <definedName name="機械一般率表" localSheetId="8">#REF!</definedName>
    <definedName name="機械一般率表" localSheetId="9">#REF!</definedName>
    <definedName name="機械一般率表" localSheetId="2">#REF!</definedName>
    <definedName name="機械一般率表">#REF!</definedName>
    <definedName name="機械仮設改率表" localSheetId="4">#REF!</definedName>
    <definedName name="機械仮設改率表" localSheetId="5">#REF!</definedName>
    <definedName name="機械仮設改率表" localSheetId="6">#REF!</definedName>
    <definedName name="機械仮設改率表" localSheetId="7">#REF!</definedName>
    <definedName name="機械仮設改率表" localSheetId="8">#REF!</definedName>
    <definedName name="機械仮設改率表" localSheetId="2">#REF!</definedName>
    <definedName name="機械仮設改率表">#REF!</definedName>
    <definedName name="機械仮設新率表" localSheetId="4">#REF!</definedName>
    <definedName name="機械仮設新率表" localSheetId="5">#REF!</definedName>
    <definedName name="機械仮設新率表" localSheetId="6">#REF!</definedName>
    <definedName name="機械仮設新率表" localSheetId="7">#REF!</definedName>
    <definedName name="機械仮設新率表" localSheetId="8">#REF!</definedName>
    <definedName name="機械仮設新率表" localSheetId="2">#REF!</definedName>
    <definedName name="機械仮設新率表">#REF!</definedName>
    <definedName name="機械現場改率表" localSheetId="4">#REF!</definedName>
    <definedName name="機械現場改率表" localSheetId="5">#REF!</definedName>
    <definedName name="機械現場改率表" localSheetId="6">#REF!</definedName>
    <definedName name="機械現場改率表" localSheetId="7">#REF!</definedName>
    <definedName name="機械現場改率表" localSheetId="8">#REF!</definedName>
    <definedName name="機械現場改率表" localSheetId="2">#REF!</definedName>
    <definedName name="機械現場改率表">#REF!</definedName>
    <definedName name="機械現場新率表" localSheetId="4">#REF!</definedName>
    <definedName name="機械現場新率表" localSheetId="5">#REF!</definedName>
    <definedName name="機械現場新率表" localSheetId="6">#REF!</definedName>
    <definedName name="機械現場新率表" localSheetId="7">#REF!</definedName>
    <definedName name="機械現場新率表" localSheetId="8">#REF!</definedName>
    <definedName name="機械現場新率表" localSheetId="2">#REF!</definedName>
    <definedName name="機械現場新率表">#REF!</definedName>
    <definedName name="機械工" localSheetId="8">#REF!</definedName>
    <definedName name="機械工">#REF!</definedName>
    <definedName name="機械設備据付工" localSheetId="4">#REF!</definedName>
    <definedName name="機械設備据付工" localSheetId="5">#REF!</definedName>
    <definedName name="機械設備据付工" localSheetId="6">#REF!</definedName>
    <definedName name="機械設備据付工" localSheetId="7">#REF!</definedName>
    <definedName name="機械設備据付工" localSheetId="8">#REF!</definedName>
    <definedName name="機械設備据付工" localSheetId="2">#REF!</definedName>
    <definedName name="機械設備据付工">#REF!</definedName>
    <definedName name="機械内訳書" localSheetId="9" hidden="1">{"設定1",#N/A,FALSE,"第5号-1";"設定2",#N/A,FALSE,"第5号-1"}</definedName>
    <definedName name="機械内訳書" hidden="1">{"設定1",#N/A,FALSE,"第5号-1";"設定2",#N/A,FALSE,"第5号-1"}</definedName>
    <definedName name="機器名称">[72]機器等据付工!$B$8:$B$41,[72]機器等据付工!$B$65,[72]機器等据付工!$B$65:$B$98</definedName>
    <definedName name="機器名称２" localSheetId="4">[49]機器等据付工!#REF!</definedName>
    <definedName name="機器名称２" localSheetId="5">[49]機器等据付工!#REF!</definedName>
    <definedName name="機器名称２" localSheetId="6">[49]機器等据付工!#REF!</definedName>
    <definedName name="機器名称２" localSheetId="7">[49]機器等据付工!#REF!</definedName>
    <definedName name="機器名称２" localSheetId="8">[49]機器等据付工!#REF!</definedName>
    <definedName name="機器名称２" localSheetId="9">[49]機器等据付工!#REF!</definedName>
    <definedName name="機器名称２" localSheetId="2">[49]機器等据付工!#REF!</definedName>
    <definedName name="機器名称２">[49]機器等据付工!#REF!</definedName>
    <definedName name="記号" localSheetId="4">[73]表紙!#REF!</definedName>
    <definedName name="記号" localSheetId="5">[73]表紙!#REF!</definedName>
    <definedName name="記号" localSheetId="6">[73]表紙!#REF!</definedName>
    <definedName name="記号" localSheetId="7">[73]表紙!#REF!</definedName>
    <definedName name="記号" localSheetId="8">[73]表紙!#REF!</definedName>
    <definedName name="記号" localSheetId="2">[73]表紙!#REF!</definedName>
    <definedName name="記号">[73]表紙!#REF!</definedName>
    <definedName name="記号3" localSheetId="4">[74]搬入据付様式!#REF!</definedName>
    <definedName name="記号3" localSheetId="5">[74]搬入据付様式!#REF!</definedName>
    <definedName name="記号3" localSheetId="6">[74]搬入据付様式!#REF!</definedName>
    <definedName name="記号3" localSheetId="7">[74]搬入据付様式!#REF!</definedName>
    <definedName name="記号3" localSheetId="8">[74]搬入据付様式!#REF!</definedName>
    <definedName name="記号3" localSheetId="2">[74]搬入据付様式!#REF!</definedName>
    <definedName name="記号3">[74]搬入据付様式!#REF!</definedName>
    <definedName name="記号4" localSheetId="4">[74]搬入据付様式!#REF!</definedName>
    <definedName name="記号4" localSheetId="5">[74]搬入据付様式!#REF!</definedName>
    <definedName name="記号4" localSheetId="6">[74]搬入据付様式!#REF!</definedName>
    <definedName name="記号4" localSheetId="7">[74]搬入据付様式!#REF!</definedName>
    <definedName name="記号4" localSheetId="8">[74]搬入据付様式!#REF!</definedName>
    <definedName name="記号4" localSheetId="2">[74]搬入据付様式!#REF!</definedName>
    <definedName name="記号4">[74]搬入据付様式!#REF!</definedName>
    <definedName name="記号5" localSheetId="4">[74]搬入据付様式!#REF!</definedName>
    <definedName name="記号5" localSheetId="5">[74]搬入据付様式!#REF!</definedName>
    <definedName name="記号5" localSheetId="6">[74]搬入据付様式!#REF!</definedName>
    <definedName name="記号5" localSheetId="7">[74]搬入据付様式!#REF!</definedName>
    <definedName name="記号5" localSheetId="8">[74]搬入据付様式!#REF!</definedName>
    <definedName name="記号5" localSheetId="2">[74]搬入据付様式!#REF!</definedName>
    <definedName name="記号5">[74]搬入据付様式!#REF!</definedName>
    <definedName name="記号6" localSheetId="4">[74]搬入据付様式!#REF!</definedName>
    <definedName name="記号6" localSheetId="5">[74]搬入据付様式!#REF!</definedName>
    <definedName name="記号6" localSheetId="6">[74]搬入据付様式!#REF!</definedName>
    <definedName name="記号6" localSheetId="7">[74]搬入据付様式!#REF!</definedName>
    <definedName name="記号6" localSheetId="8">[74]搬入据付様式!#REF!</definedName>
    <definedName name="記号6" localSheetId="2">[74]搬入据付様式!#REF!</definedName>
    <definedName name="記号6">[74]搬入据付様式!#REF!</definedName>
    <definedName name="軌道工" localSheetId="4">#REF!</definedName>
    <definedName name="軌道工" localSheetId="5">#REF!</definedName>
    <definedName name="軌道工" localSheetId="6">#REF!</definedName>
    <definedName name="軌道工" localSheetId="7">#REF!</definedName>
    <definedName name="軌道工" localSheetId="8">#REF!</definedName>
    <definedName name="軌道工" localSheetId="9">#REF!</definedName>
    <definedName name="軌道工" localSheetId="2">#REF!</definedName>
    <definedName name="軌道工">#REF!</definedName>
    <definedName name="鬼崎1" localSheetId="4">#REF!</definedName>
    <definedName name="鬼崎1" localSheetId="5">#REF!</definedName>
    <definedName name="鬼崎1" localSheetId="6">#REF!</definedName>
    <definedName name="鬼崎1" localSheetId="7">#REF!</definedName>
    <definedName name="鬼崎1" localSheetId="8">#REF!</definedName>
    <definedName name="鬼崎1" localSheetId="2">#REF!</definedName>
    <definedName name="鬼崎1">#REF!</definedName>
    <definedName name="技師_Ａ" localSheetId="4">#REF!</definedName>
    <definedName name="技師_Ａ" localSheetId="5">#REF!</definedName>
    <definedName name="技師_Ａ" localSheetId="6">#REF!</definedName>
    <definedName name="技師_Ａ" localSheetId="7">#REF!</definedName>
    <definedName name="技師_Ａ" localSheetId="8">#REF!</definedName>
    <definedName name="技師_Ａ" localSheetId="2">#REF!</definedName>
    <definedName name="技師_Ａ">#REF!</definedName>
    <definedName name="技師_Ｂ" localSheetId="4">#REF!</definedName>
    <definedName name="技師_Ｂ" localSheetId="5">#REF!</definedName>
    <definedName name="技師_Ｂ" localSheetId="6">#REF!</definedName>
    <definedName name="技師_Ｂ" localSheetId="7">#REF!</definedName>
    <definedName name="技師_Ｂ" localSheetId="8">#REF!</definedName>
    <definedName name="技師_Ｂ" localSheetId="2">#REF!</definedName>
    <definedName name="技師_Ｂ">#REF!</definedName>
    <definedName name="技師_Ｃ" localSheetId="4">#REF!</definedName>
    <definedName name="技師_Ｃ" localSheetId="5">#REF!</definedName>
    <definedName name="技師_Ｃ" localSheetId="6">#REF!</definedName>
    <definedName name="技師_Ｃ" localSheetId="7">#REF!</definedName>
    <definedName name="技師_Ｃ" localSheetId="8">#REF!</definedName>
    <definedName name="技師_Ｃ" localSheetId="2">#REF!</definedName>
    <definedName name="技師_Ｃ">#REF!</definedName>
    <definedName name="技師Ａ" localSheetId="4">#REF!</definedName>
    <definedName name="技師Ａ" localSheetId="5">#REF!</definedName>
    <definedName name="技師Ａ" localSheetId="6">#REF!</definedName>
    <definedName name="技師Ａ" localSheetId="7">#REF!</definedName>
    <definedName name="技師Ａ" localSheetId="8">#REF!</definedName>
    <definedName name="技師Ａ" localSheetId="2">#REF!</definedName>
    <definedName name="技師Ａ">#REF!</definedName>
    <definedName name="技師Ｂ" localSheetId="4">#REF!</definedName>
    <definedName name="技師Ｂ" localSheetId="5">#REF!</definedName>
    <definedName name="技師Ｂ" localSheetId="6">#REF!</definedName>
    <definedName name="技師Ｂ" localSheetId="7">#REF!</definedName>
    <definedName name="技師Ｂ" localSheetId="8">#REF!</definedName>
    <definedName name="技師Ｂ" localSheetId="2">#REF!</definedName>
    <definedName name="技師Ｂ">#REF!</definedName>
    <definedName name="技術" localSheetId="4">#REF!</definedName>
    <definedName name="技術" localSheetId="5">#REF!</definedName>
    <definedName name="技術" localSheetId="6">#REF!</definedName>
    <definedName name="技術" localSheetId="7">#REF!</definedName>
    <definedName name="技術" localSheetId="8">#REF!</definedName>
    <definedName name="技術" localSheetId="0">#REF!</definedName>
    <definedName name="技術" localSheetId="2">#REF!</definedName>
    <definedName name="技術">#REF!</definedName>
    <definedName name="技術員" localSheetId="4">#REF!</definedName>
    <definedName name="技術員" localSheetId="5">#REF!</definedName>
    <definedName name="技術員" localSheetId="6">#REF!</definedName>
    <definedName name="技術員" localSheetId="7">#REF!</definedName>
    <definedName name="技術員" localSheetId="8">#REF!</definedName>
    <definedName name="技術員" localSheetId="2">#REF!</definedName>
    <definedName name="技術員">#REF!</definedName>
    <definedName name="技術者Ａ" localSheetId="4">#REF!</definedName>
    <definedName name="技術者Ａ" localSheetId="5">#REF!</definedName>
    <definedName name="技術者Ａ" localSheetId="6">#REF!</definedName>
    <definedName name="技術者Ａ" localSheetId="7">#REF!</definedName>
    <definedName name="技術者Ａ" localSheetId="8">#REF!</definedName>
    <definedName name="技術者Ａ" localSheetId="2">#REF!</definedName>
    <definedName name="技術者Ａ">#REF!</definedName>
    <definedName name="技術者Ｂ" localSheetId="4">#REF!</definedName>
    <definedName name="技術者Ｂ" localSheetId="5">#REF!</definedName>
    <definedName name="技術者Ｂ" localSheetId="6">#REF!</definedName>
    <definedName name="技術者Ｂ" localSheetId="7">#REF!</definedName>
    <definedName name="技術者Ｂ" localSheetId="8">#REF!</definedName>
    <definedName name="技術者Ｂ" localSheetId="2">#REF!</definedName>
    <definedName name="技術者Ｂ">#REF!</definedName>
    <definedName name="客土データ" localSheetId="4">#REF!</definedName>
    <definedName name="客土データ" localSheetId="5">#REF!</definedName>
    <definedName name="客土データ" localSheetId="6">#REF!</definedName>
    <definedName name="客土データ" localSheetId="7">#REF!</definedName>
    <definedName name="客土データ" localSheetId="8">#REF!</definedName>
    <definedName name="客土データ" localSheetId="2">#REF!</definedName>
    <definedName name="客土データ">#REF!</definedName>
    <definedName name="逆洗回数">[65]条件!$E$21</definedName>
    <definedName name="逆洗時間">[65]条件!$C$22</definedName>
    <definedName name="逆洗次亜費" localSheetId="4">#REF!</definedName>
    <definedName name="逆洗次亜費" localSheetId="5">#REF!</definedName>
    <definedName name="逆洗次亜費" localSheetId="6">#REF!</definedName>
    <definedName name="逆洗次亜費" localSheetId="7">#REF!</definedName>
    <definedName name="逆洗次亜費" localSheetId="8">#REF!</definedName>
    <definedName name="逆洗次亜費" localSheetId="9">#REF!</definedName>
    <definedName name="逆洗次亜費" localSheetId="2">#REF!</definedName>
    <definedName name="逆洗次亜費">#REF!</definedName>
    <definedName name="逆洗水率">[65]条件!$C$16</definedName>
    <definedName name="逆洗水量">[65]条件!$C$18</definedName>
    <definedName name="逆洗頻度">[65]条件!$C$21</definedName>
    <definedName name="逆洗分割数" localSheetId="4">#REF!</definedName>
    <definedName name="逆洗分割数" localSheetId="5">#REF!</definedName>
    <definedName name="逆洗分割数" localSheetId="6">#REF!</definedName>
    <definedName name="逆洗分割数" localSheetId="7">#REF!</definedName>
    <definedName name="逆洗分割数" localSheetId="8">#REF!</definedName>
    <definedName name="逆洗分割数" localSheetId="9">#REF!</definedName>
    <definedName name="逆洗分割数" localSheetId="2">#REF!</definedName>
    <definedName name="逆洗分割数">#REF!</definedName>
    <definedName name="吸出防止材" localSheetId="4">[75]明細書!#REF!</definedName>
    <definedName name="吸出防止材" localSheetId="5">[75]明細書!#REF!</definedName>
    <definedName name="吸出防止材" localSheetId="6">[75]明細書!#REF!</definedName>
    <definedName name="吸出防止材" localSheetId="7">[75]明細書!#REF!</definedName>
    <definedName name="吸出防止材" localSheetId="8">[75]明細書!#REF!</definedName>
    <definedName name="吸出防止材" localSheetId="9">[76]明細書!#REF!</definedName>
    <definedName name="吸出防止材" localSheetId="0">[75]明細書!#REF!</definedName>
    <definedName name="吸出防止材" localSheetId="2">[75]明細書!#REF!</definedName>
    <definedName name="吸出防止材">[75]明細書!#REF!</definedName>
    <definedName name="給水PS" localSheetId="4">#REF!</definedName>
    <definedName name="給水PS" localSheetId="5">#REF!</definedName>
    <definedName name="給水PS" localSheetId="6">#REF!</definedName>
    <definedName name="給水PS" localSheetId="7">#REF!</definedName>
    <definedName name="給水PS" localSheetId="8">#REF!</definedName>
    <definedName name="給水PS" localSheetId="9">#REF!</definedName>
    <definedName name="給水PS" localSheetId="2">#REF!</definedName>
    <definedName name="給水PS">#REF!</definedName>
    <definedName name="給水労務2" localSheetId="9" hidden="1">{"設定1",#N/A,FALSE,"第5号-1";"設定2",#N/A,FALSE,"第5号-1"}</definedName>
    <definedName name="給水労務2" hidden="1">{"設定1",#N/A,FALSE,"第5号-1";"設定2",#N/A,FALSE,"第5号-1"}</definedName>
    <definedName name="給湯" localSheetId="4">#REF!</definedName>
    <definedName name="給湯" localSheetId="5">#REF!</definedName>
    <definedName name="給湯" localSheetId="6">#REF!</definedName>
    <definedName name="給湯" localSheetId="7">#REF!</definedName>
    <definedName name="給湯" localSheetId="8">#REF!</definedName>
    <definedName name="給湯" localSheetId="9">#REF!</definedName>
    <definedName name="給湯" localSheetId="2">#REF!</definedName>
    <definedName name="給湯">#REF!</definedName>
    <definedName name="給排" localSheetId="4">#REF!</definedName>
    <definedName name="給排" localSheetId="5">#REF!</definedName>
    <definedName name="給排" localSheetId="6">#REF!</definedName>
    <definedName name="給排" localSheetId="7">#REF!</definedName>
    <definedName name="給排" localSheetId="8">#REF!</definedName>
    <definedName name="給排" localSheetId="2">#REF!</definedName>
    <definedName name="給排">#REF!</definedName>
    <definedName name="給排2" localSheetId="4">#REF!</definedName>
    <definedName name="給排2" localSheetId="5">#REF!</definedName>
    <definedName name="給排2" localSheetId="6">#REF!</definedName>
    <definedName name="給排2" localSheetId="7">#REF!</definedName>
    <definedName name="給排2" localSheetId="8">#REF!</definedName>
    <definedName name="給排2" localSheetId="2">#REF!</definedName>
    <definedName name="給排2">#REF!</definedName>
    <definedName name="給排水表紙" localSheetId="4">#REF!</definedName>
    <definedName name="給排水表紙" localSheetId="5">#REF!</definedName>
    <definedName name="給排水表紙" localSheetId="6">#REF!</definedName>
    <definedName name="給排水表紙" localSheetId="7">#REF!</definedName>
    <definedName name="給排水表紙" localSheetId="8">#REF!</definedName>
    <definedName name="給排水表紙" localSheetId="2">#REF!</definedName>
    <definedName name="給排水表紙">#REF!</definedName>
    <definedName name="共" localSheetId="4">#REF!</definedName>
    <definedName name="共" localSheetId="5">#REF!</definedName>
    <definedName name="共" localSheetId="6">#REF!</definedName>
    <definedName name="共" localSheetId="7">#REF!</definedName>
    <definedName name="共" localSheetId="8">#REF!</definedName>
    <definedName name="共" localSheetId="2">#REF!</definedName>
    <definedName name="共">#REF!</definedName>
    <definedName name="共仮" localSheetId="4">#REF!</definedName>
    <definedName name="共仮" localSheetId="5">#REF!</definedName>
    <definedName name="共仮" localSheetId="6">#REF!</definedName>
    <definedName name="共仮" localSheetId="7">#REF!</definedName>
    <definedName name="共仮" localSheetId="8">#REF!</definedName>
    <definedName name="共仮" localSheetId="0">#REF!</definedName>
    <definedName name="共仮" localSheetId="2">#REF!</definedName>
    <definedName name="共仮">#REF!</definedName>
    <definedName name="共通" localSheetId="4">[7]仮設躯体!#REF!</definedName>
    <definedName name="共通" localSheetId="5">[7]仮設躯体!#REF!</definedName>
    <definedName name="共通" localSheetId="6">[7]仮設躯体!#REF!</definedName>
    <definedName name="共通" localSheetId="7">[7]仮設躯体!#REF!</definedName>
    <definedName name="共通" localSheetId="8">[7]仮設躯体!#REF!</definedName>
    <definedName name="共通" localSheetId="2">[7]仮設躯体!#REF!</definedName>
    <definedName name="共通">[7]仮設躯体!#REF!</definedName>
    <definedName name="橋梁世話役" localSheetId="4">#REF!</definedName>
    <definedName name="橋梁世話役" localSheetId="5">#REF!</definedName>
    <definedName name="橋梁世話役" localSheetId="6">#REF!</definedName>
    <definedName name="橋梁世話役" localSheetId="7">#REF!</definedName>
    <definedName name="橋梁世話役" localSheetId="8">#REF!</definedName>
    <definedName name="橋梁世話役" localSheetId="9">#REF!</definedName>
    <definedName name="橋梁世話役" localSheetId="2">#REF!</definedName>
    <definedName name="橋梁世話役">#REF!</definedName>
    <definedName name="橋梁塗装工" localSheetId="4">#REF!</definedName>
    <definedName name="橋梁塗装工" localSheetId="5">#REF!</definedName>
    <definedName name="橋梁塗装工" localSheetId="6">#REF!</definedName>
    <definedName name="橋梁塗装工" localSheetId="7">#REF!</definedName>
    <definedName name="橋梁塗装工" localSheetId="8">#REF!</definedName>
    <definedName name="橋梁塗装工" localSheetId="2">#REF!</definedName>
    <definedName name="橋梁塗装工">#REF!</definedName>
    <definedName name="橋梁特殊工" localSheetId="4">#REF!</definedName>
    <definedName name="橋梁特殊工" localSheetId="5">#REF!</definedName>
    <definedName name="橋梁特殊工" localSheetId="6">#REF!</definedName>
    <definedName name="橋梁特殊工" localSheetId="7">#REF!</definedName>
    <definedName name="橋梁特殊工" localSheetId="8">#REF!</definedName>
    <definedName name="橋梁特殊工" localSheetId="2">#REF!</definedName>
    <definedName name="橋梁特殊工">#REF!</definedName>
    <definedName name="業印" localSheetId="4">#REF!</definedName>
    <definedName name="業印" localSheetId="5">#REF!</definedName>
    <definedName name="業印" localSheetId="6">#REF!</definedName>
    <definedName name="業印" localSheetId="7">#REF!</definedName>
    <definedName name="業印" localSheetId="8">#REF!</definedName>
    <definedName name="業印" localSheetId="2">#REF!</definedName>
    <definedName name="業印">#REF!</definedName>
    <definedName name="金額" localSheetId="4">#REF!</definedName>
    <definedName name="金額" localSheetId="5">#REF!</definedName>
    <definedName name="金額" localSheetId="6">#REF!</definedName>
    <definedName name="金額" localSheetId="7">#REF!</definedName>
    <definedName name="金額" localSheetId="8">#REF!</definedName>
    <definedName name="金額" localSheetId="2">#REF!</definedName>
    <definedName name="金額">#REF!</definedName>
    <definedName name="金入り設計書" localSheetId="4">#REF!</definedName>
    <definedName name="金入り設計書" localSheetId="5">#REF!</definedName>
    <definedName name="金入り設計書" localSheetId="6">#REF!</definedName>
    <definedName name="金入り設計書" localSheetId="7">#REF!</definedName>
    <definedName name="金入り設計書" localSheetId="8">#REF!</definedName>
    <definedName name="金入り設計書" localSheetId="2">#REF!</definedName>
    <definedName name="金入り設計書">#REF!</definedName>
    <definedName name="金入設定" localSheetId="4">[28]表紙!#REF!</definedName>
    <definedName name="金入設定" localSheetId="5">[28]表紙!#REF!</definedName>
    <definedName name="金入設定" localSheetId="6">[28]表紙!#REF!</definedName>
    <definedName name="金入設定" localSheetId="7">[28]表紙!#REF!</definedName>
    <definedName name="金入設定" localSheetId="8">[28]表紙!#REF!</definedName>
    <definedName name="金入設定" localSheetId="2">[28]表紙!#REF!</definedName>
    <definedName name="金入設定">[28]表紙!#REF!</definedName>
    <definedName name="金抜き設計書" localSheetId="4">#REF!</definedName>
    <definedName name="金抜き設計書" localSheetId="5">#REF!</definedName>
    <definedName name="金抜き設計書" localSheetId="6">#REF!</definedName>
    <definedName name="金抜き設計書" localSheetId="7">#REF!</definedName>
    <definedName name="金抜き設計書" localSheetId="8">#REF!</definedName>
    <definedName name="金抜き設計書" localSheetId="9">#REF!</definedName>
    <definedName name="金抜き設計書" localSheetId="2">#REF!</definedName>
    <definedName name="金抜き設計書">#REF!</definedName>
    <definedName name="金抜設定" localSheetId="4">[68]表紙!#REF!</definedName>
    <definedName name="金抜設定" localSheetId="5">[68]表紙!#REF!</definedName>
    <definedName name="金抜設定" localSheetId="6">[68]表紙!#REF!</definedName>
    <definedName name="金抜設定" localSheetId="7">[68]表紙!#REF!</definedName>
    <definedName name="金抜設定" localSheetId="8">[68]表紙!#REF!</definedName>
    <definedName name="金抜設定" localSheetId="9">[68]表紙!#REF!</definedName>
    <definedName name="金抜設定" localSheetId="2">[68]表紙!#REF!</definedName>
    <definedName name="金抜設定">[68]表紙!#REF!</definedName>
    <definedName name="区分">'[22]入力データ(H27用シート連動）'!$A$2:$A$13</definedName>
    <definedName name="区分2">'[22]入力データ(H27用シート連動）'!$E$2:$E$8</definedName>
    <definedName name="躯体">[7]仮設躯体!$A$182</definedName>
    <definedName name="掘削" localSheetId="4">[55]表紙!#REF!</definedName>
    <definedName name="掘削" localSheetId="5">[55]表紙!#REF!</definedName>
    <definedName name="掘削" localSheetId="6">[55]表紙!#REF!</definedName>
    <definedName name="掘削" localSheetId="7">[55]表紙!#REF!</definedName>
    <definedName name="掘削" localSheetId="8">[55]表紙!#REF!</definedName>
    <definedName name="掘削" localSheetId="2">[55]表紙!#REF!</definedName>
    <definedName name="掘削">[55]表紙!#REF!</definedName>
    <definedName name="掘削梁" localSheetId="4">[55]表紙!#REF!</definedName>
    <definedName name="掘削梁" localSheetId="5">[55]表紙!#REF!</definedName>
    <definedName name="掘削梁" localSheetId="6">[55]表紙!#REF!</definedName>
    <definedName name="掘削梁" localSheetId="7">[55]表紙!#REF!</definedName>
    <definedName name="掘削梁" localSheetId="8">[55]表紙!#REF!</definedName>
    <definedName name="掘削梁" localSheetId="2">[55]表紙!#REF!</definedName>
    <definedName name="掘削梁">[55]表紙!#REF!</definedName>
    <definedName name="桑名市多度町" localSheetId="4">#REF!</definedName>
    <definedName name="桑名市多度町" localSheetId="5">#REF!</definedName>
    <definedName name="桑名市多度町" localSheetId="6">#REF!</definedName>
    <definedName name="桑名市多度町" localSheetId="7">#REF!</definedName>
    <definedName name="桑名市多度町" localSheetId="8">#REF!</definedName>
    <definedName name="桑名市多度町" localSheetId="9">#REF!</definedName>
    <definedName name="桑名市多度町" localSheetId="2">#REF!</definedName>
    <definedName name="桑名市多度町">#REF!</definedName>
    <definedName name="型わく工" localSheetId="4">#REF!</definedName>
    <definedName name="型わく工" localSheetId="5">#REF!</definedName>
    <definedName name="型わく工" localSheetId="6">#REF!</definedName>
    <definedName name="型わく工" localSheetId="7">#REF!</definedName>
    <definedName name="型わく工" localSheetId="8">#REF!</definedName>
    <definedName name="型わく工" localSheetId="2">#REF!</definedName>
    <definedName name="型わく工">#REF!</definedName>
    <definedName name="型枠_小型" localSheetId="4">#REF!</definedName>
    <definedName name="型枠_小型" localSheetId="5">#REF!</definedName>
    <definedName name="型枠_小型" localSheetId="6">#REF!</definedName>
    <definedName name="型枠_小型" localSheetId="7">#REF!</definedName>
    <definedName name="型枠_小型" localSheetId="8">#REF!</definedName>
    <definedName name="型枠_小型" localSheetId="0">#REF!</definedName>
    <definedName name="型枠_小型" localSheetId="2">#REF!</definedName>
    <definedName name="型枠_小型">#REF!</definedName>
    <definedName name="型枠_小型Ⅱ" localSheetId="4">#REF!</definedName>
    <definedName name="型枠_小型Ⅱ" localSheetId="5">#REF!</definedName>
    <definedName name="型枠_小型Ⅱ" localSheetId="6">#REF!</definedName>
    <definedName name="型枠_小型Ⅱ" localSheetId="7">#REF!</definedName>
    <definedName name="型枠_小型Ⅱ" localSheetId="8">#REF!</definedName>
    <definedName name="型枠_小型Ⅱ" localSheetId="0">#REF!</definedName>
    <definedName name="型枠_小型Ⅱ" localSheetId="2">#REF!</definedName>
    <definedName name="型枠_小型Ⅱ">#REF!</definedName>
    <definedName name="型枠_鉄筋" localSheetId="4">#REF!</definedName>
    <definedName name="型枠_鉄筋" localSheetId="5">#REF!</definedName>
    <definedName name="型枠_鉄筋" localSheetId="6">#REF!</definedName>
    <definedName name="型枠_鉄筋" localSheetId="7">#REF!</definedName>
    <definedName name="型枠_鉄筋" localSheetId="8">#REF!</definedName>
    <definedName name="型枠_鉄筋" localSheetId="0">#REF!</definedName>
    <definedName name="型枠_鉄筋" localSheetId="2">#REF!</definedName>
    <definedName name="型枠_鉄筋">#REF!</definedName>
    <definedName name="型枠_無筋" localSheetId="4">#REF!</definedName>
    <definedName name="型枠_無筋" localSheetId="5">#REF!</definedName>
    <definedName name="型枠_無筋" localSheetId="6">#REF!</definedName>
    <definedName name="型枠_無筋" localSheetId="7">#REF!</definedName>
    <definedName name="型枠_無筋" localSheetId="8">#REF!</definedName>
    <definedName name="型枠_無筋" localSheetId="0">#REF!</definedName>
    <definedName name="型枠_無筋" localSheetId="2">#REF!</definedName>
    <definedName name="型枠_無筋">#REF!</definedName>
    <definedName name="型枠工" localSheetId="4">#REF!</definedName>
    <definedName name="型枠工" localSheetId="5">#REF!</definedName>
    <definedName name="型枠工" localSheetId="6">#REF!</definedName>
    <definedName name="型枠工" localSheetId="7">#REF!</definedName>
    <definedName name="型枠工" localSheetId="8">#REF!</definedName>
    <definedName name="型枠工" localSheetId="0">#REF!</definedName>
    <definedName name="型枠工" localSheetId="2">#REF!</definedName>
    <definedName name="型枠工">#REF!</definedName>
    <definedName name="形状寸法" localSheetId="4">#REF!</definedName>
    <definedName name="形状寸法" localSheetId="5">#REF!</definedName>
    <definedName name="形状寸法" localSheetId="6">#REF!</definedName>
    <definedName name="形状寸法" localSheetId="7">#REF!</definedName>
    <definedName name="形状寸法" localSheetId="8">#REF!</definedName>
    <definedName name="形状寸法" localSheetId="2">#REF!</definedName>
    <definedName name="形状寸法">#REF!</definedName>
    <definedName name="系列数">[65]条件!$C$8</definedName>
    <definedName name="経費">[4]歩・屋!$W$3</definedName>
    <definedName name="経費率" localSheetId="4">#REF!</definedName>
    <definedName name="経費率" localSheetId="5">#REF!</definedName>
    <definedName name="経費率" localSheetId="6">#REF!</definedName>
    <definedName name="経費率" localSheetId="7">#REF!</definedName>
    <definedName name="経費率" localSheetId="8">#REF!</definedName>
    <definedName name="経費率" localSheetId="9">#REF!</definedName>
    <definedName name="経費率" localSheetId="2">#REF!</definedName>
    <definedName name="経費率">#REF!</definedName>
    <definedName name="継続" localSheetId="4">#REF!</definedName>
    <definedName name="継続" localSheetId="5">#REF!</definedName>
    <definedName name="継続" localSheetId="6">#REF!</definedName>
    <definedName name="継続" localSheetId="7">#REF!</definedName>
    <definedName name="継続" localSheetId="8">#REF!</definedName>
    <definedName name="継続" localSheetId="2">#REF!</definedName>
    <definedName name="継続">#REF!</definedName>
    <definedName name="罫非表示" localSheetId="4">#REF!</definedName>
    <definedName name="罫非表示" localSheetId="5">#REF!</definedName>
    <definedName name="罫非表示" localSheetId="6">#REF!</definedName>
    <definedName name="罫非表示" localSheetId="7">#REF!</definedName>
    <definedName name="罫非表示" localSheetId="8">#REF!</definedName>
    <definedName name="罫非表示" localSheetId="2">#REF!</definedName>
    <definedName name="罫非表示">#REF!</definedName>
    <definedName name="罫表示" localSheetId="4">#REF!</definedName>
    <definedName name="罫表示" localSheetId="5">#REF!</definedName>
    <definedName name="罫表示" localSheetId="6">#REF!</definedName>
    <definedName name="罫表示" localSheetId="7">#REF!</definedName>
    <definedName name="罫表示" localSheetId="8">#REF!</definedName>
    <definedName name="罫表示" localSheetId="2">#REF!</definedName>
    <definedName name="罫表示">#REF!</definedName>
    <definedName name="計" localSheetId="4">#REF!</definedName>
    <definedName name="計" localSheetId="5">#REF!</definedName>
    <definedName name="計" localSheetId="6">#REF!</definedName>
    <definedName name="計" localSheetId="7">#REF!</definedName>
    <definedName name="計" localSheetId="8">#REF!</definedName>
    <definedName name="計" localSheetId="2">#REF!</definedName>
    <definedName name="計">#REF!</definedName>
    <definedName name="計画書">'[22]入力データ(H27用シート連動）'!$K$3:$K$11</definedName>
    <definedName name="計画浄水量" localSheetId="4">#REF!</definedName>
    <definedName name="計画浄水量" localSheetId="5">#REF!</definedName>
    <definedName name="計画浄水量" localSheetId="6">#REF!</definedName>
    <definedName name="計画浄水量" localSheetId="7">#REF!</definedName>
    <definedName name="計画浄水量" localSheetId="8">#REF!</definedName>
    <definedName name="計画浄水量" localSheetId="2">#REF!</definedName>
    <definedName name="計画浄水量">#REF!</definedName>
    <definedName name="計画膜ろ過水量">[65]条件!$C$17</definedName>
    <definedName name="計画膜ろ過流束">[65]条件!$C$5</definedName>
    <definedName name="計算書" localSheetId="4">#REF!</definedName>
    <definedName name="計算書" localSheetId="5">#REF!</definedName>
    <definedName name="計算書" localSheetId="6">#REF!</definedName>
    <definedName name="計算書" localSheetId="7">#REF!</definedName>
    <definedName name="計算書" localSheetId="8">#REF!</definedName>
    <definedName name="計算書" localSheetId="2">#REF!</definedName>
    <definedName name="計算書">#REF!</definedName>
    <definedName name="計装" localSheetId="9" hidden="1">{"設定1",#N/A,FALSE,"第5号-1";"設定2",#N/A,FALSE,"第5号-1"}</definedName>
    <definedName name="計装" hidden="1">{"設定1",#N/A,FALSE,"第5号-1";"設定2",#N/A,FALSE,"第5号-1"}</definedName>
    <definedName name="軽作業員" localSheetId="4">#REF!</definedName>
    <definedName name="軽作業員" localSheetId="5">#REF!</definedName>
    <definedName name="軽作業員" localSheetId="6">#REF!</definedName>
    <definedName name="軽作業員" localSheetId="7">#REF!</definedName>
    <definedName name="軽作業員" localSheetId="8">#REF!</definedName>
    <definedName name="軽作業員" localSheetId="0">#REF!</definedName>
    <definedName name="軽作業員" localSheetId="2">#REF!</definedName>
    <definedName name="軽作業員">#REF!</definedName>
    <definedName name="軽油" localSheetId="4">#REF!</definedName>
    <definedName name="軽油" localSheetId="5">#REF!</definedName>
    <definedName name="軽油" localSheetId="6">#REF!</definedName>
    <definedName name="軽油" localSheetId="7">#REF!</definedName>
    <definedName name="軽油" localSheetId="8">#REF!</definedName>
    <definedName name="軽油" localSheetId="2">#REF!</definedName>
    <definedName name="軽油">#REF!</definedName>
    <definedName name="軽油陸上用" localSheetId="4">#REF!</definedName>
    <definedName name="軽油陸上用" localSheetId="5">#REF!</definedName>
    <definedName name="軽油陸上用" localSheetId="6">#REF!</definedName>
    <definedName name="軽油陸上用" localSheetId="7">#REF!</definedName>
    <definedName name="軽油陸上用" localSheetId="8">#REF!</definedName>
    <definedName name="軽油陸上用" localSheetId="0">#REF!</definedName>
    <definedName name="軽油陸上用" localSheetId="2">#REF!</definedName>
    <definedName name="軽油陸上用">#REF!</definedName>
    <definedName name="桁" localSheetId="4">#REF!</definedName>
    <definedName name="桁" localSheetId="5">#REF!</definedName>
    <definedName name="桁" localSheetId="6">#REF!</definedName>
    <definedName name="桁" localSheetId="7">#REF!</definedName>
    <definedName name="桁" localSheetId="8">#REF!</definedName>
    <definedName name="桁" localSheetId="0">#REF!</definedName>
    <definedName name="桁" localSheetId="2">#REF!</definedName>
    <definedName name="桁">#REF!</definedName>
    <definedName name="月_1日" localSheetId="4">#REF!</definedName>
    <definedName name="月_1日" localSheetId="5">#REF!</definedName>
    <definedName name="月_1日" localSheetId="6">#REF!</definedName>
    <definedName name="月_1日" localSheetId="7">#REF!</definedName>
    <definedName name="月_1日" localSheetId="8">#REF!</definedName>
    <definedName name="月_1日" localSheetId="0">#REF!</definedName>
    <definedName name="月_1日" localSheetId="2">#REF!</definedName>
    <definedName name="月_1日">#REF!</definedName>
    <definedName name="件" localSheetId="9">施工条件明示一覧表!件</definedName>
    <definedName name="件" localSheetId="0">設計書表紙!件</definedName>
    <definedName name="件">[0]!件</definedName>
    <definedName name="建１">'[77]入力データ(H27用シート連動）'!$S$2:$S$25</definedName>
    <definedName name="建具工" localSheetId="4">#REF!</definedName>
    <definedName name="建具工" localSheetId="5">#REF!</definedName>
    <definedName name="建具工" localSheetId="6">#REF!</definedName>
    <definedName name="建具工" localSheetId="7">#REF!</definedName>
    <definedName name="建具工" localSheetId="8">#REF!</definedName>
    <definedName name="建具工" localSheetId="9">#REF!</definedName>
    <definedName name="建具工" localSheetId="2">#REF!</definedName>
    <definedName name="建具工">#REF!</definedName>
    <definedName name="建築">[7]内訳!$A$42</definedName>
    <definedName name="建築ﾌﾞﾛｯｸ工" localSheetId="4">#REF!</definedName>
    <definedName name="建築ﾌﾞﾛｯｸ工" localSheetId="5">#REF!</definedName>
    <definedName name="建築ﾌﾞﾛｯｸ工" localSheetId="6">#REF!</definedName>
    <definedName name="建築ﾌﾞﾛｯｸ工" localSheetId="7">#REF!</definedName>
    <definedName name="建築ﾌﾞﾛｯｸ工" localSheetId="8">#REF!</definedName>
    <definedName name="建築ﾌﾞﾛｯｸ工" localSheetId="9">#REF!</definedName>
    <definedName name="建築ﾌﾞﾛｯｸ工" localSheetId="2">#REF!</definedName>
    <definedName name="建築ﾌﾞﾛｯｸ工">#REF!</definedName>
    <definedName name="建築一般率表" localSheetId="4">#REF!</definedName>
    <definedName name="建築一般率表" localSheetId="5">#REF!</definedName>
    <definedName name="建築一般率表" localSheetId="6">#REF!</definedName>
    <definedName name="建築一般率表" localSheetId="7">#REF!</definedName>
    <definedName name="建築一般率表" localSheetId="8">#REF!</definedName>
    <definedName name="建築一般率表" localSheetId="2">#REF!</definedName>
    <definedName name="建築一般率表">#REF!</definedName>
    <definedName name="建築現場改率表" localSheetId="4">#REF!</definedName>
    <definedName name="建築現場改率表" localSheetId="5">#REF!</definedName>
    <definedName name="建築現場改率表" localSheetId="6">#REF!</definedName>
    <definedName name="建築現場改率表" localSheetId="7">#REF!</definedName>
    <definedName name="建築現場改率表" localSheetId="8">#REF!</definedName>
    <definedName name="建築現場改率表" localSheetId="2">#REF!</definedName>
    <definedName name="建築現場改率表">#REF!</definedName>
    <definedName name="建築現場新率表" localSheetId="4">#REF!</definedName>
    <definedName name="建築現場新率表" localSheetId="5">#REF!</definedName>
    <definedName name="建築現場新率表" localSheetId="6">#REF!</definedName>
    <definedName name="建築現場新率表" localSheetId="7">#REF!</definedName>
    <definedName name="建築現場新率表" localSheetId="8">#REF!</definedName>
    <definedName name="建築現場新率表" localSheetId="2">#REF!</definedName>
    <definedName name="建築現場新率表">#REF!</definedName>
    <definedName name="建築工事" localSheetId="4">#REF!</definedName>
    <definedName name="建築工事" localSheetId="5">#REF!</definedName>
    <definedName name="建築工事" localSheetId="6">#REF!</definedName>
    <definedName name="建築工事" localSheetId="7">#REF!</definedName>
    <definedName name="建築工事" localSheetId="8">#REF!</definedName>
    <definedName name="建築工事" localSheetId="2">#REF!</definedName>
    <definedName name="建築工事">#REF!</definedName>
    <definedName name="県名" localSheetId="4">#REF!</definedName>
    <definedName name="県名" localSheetId="5">#REF!</definedName>
    <definedName name="県名" localSheetId="6">#REF!</definedName>
    <definedName name="県名" localSheetId="7">#REF!</definedName>
    <definedName name="県名" localSheetId="8">#REF!</definedName>
    <definedName name="県名" localSheetId="2">#REF!</definedName>
    <definedName name="県名">#REF!</definedName>
    <definedName name="見積空調" localSheetId="4">'[78]代価表 '!#REF!</definedName>
    <definedName name="見積空調" localSheetId="5">'[78]代価表 '!#REF!</definedName>
    <definedName name="見積空調" localSheetId="6">'[78]代価表 '!#REF!</definedName>
    <definedName name="見積空調" localSheetId="7">'[78]代価表 '!#REF!</definedName>
    <definedName name="見積空調" localSheetId="8">'[78]代価表 '!#REF!</definedName>
    <definedName name="見積空調" localSheetId="2">'[78]代価表 '!#REF!</definedName>
    <definedName name="見積空調">'[78]代価表 '!#REF!</definedName>
    <definedName name="見積比較換気">'[79]代価表 '!$Z$2</definedName>
    <definedName name="見積比較表">'[80]代価表 '!$Z$2</definedName>
    <definedName name="見比衛生2" localSheetId="4">'[81]代価表 '!#REF!</definedName>
    <definedName name="見比衛生2" localSheetId="5">'[81]代価表 '!#REF!</definedName>
    <definedName name="見比衛生2" localSheetId="6">'[81]代価表 '!#REF!</definedName>
    <definedName name="見比衛生2" localSheetId="7">'[81]代価表 '!#REF!</definedName>
    <definedName name="見比衛生2" localSheetId="8">'[81]代価表 '!#REF!</definedName>
    <definedName name="見比衛生2" localSheetId="9">'[81]代価表 '!#REF!</definedName>
    <definedName name="見比衛生2" localSheetId="2">'[81]代価表 '!#REF!</definedName>
    <definedName name="見比衛生2">'[81]代価表 '!#REF!</definedName>
    <definedName name="原価" localSheetId="4">#REF!</definedName>
    <definedName name="原価" localSheetId="5">#REF!</definedName>
    <definedName name="原価" localSheetId="6">#REF!</definedName>
    <definedName name="原価" localSheetId="7">#REF!</definedName>
    <definedName name="原価" localSheetId="8">#REF!</definedName>
    <definedName name="原価" localSheetId="0">#REF!</definedName>
    <definedName name="原価" localSheetId="2">#REF!</definedName>
    <definedName name="原価">#REF!</definedName>
    <definedName name="原水量" localSheetId="4">#REF!</definedName>
    <definedName name="原水量" localSheetId="5">#REF!</definedName>
    <definedName name="原水量" localSheetId="6">#REF!</definedName>
    <definedName name="原水量" localSheetId="7">#REF!</definedName>
    <definedName name="原水量" localSheetId="8">#REF!</definedName>
    <definedName name="原水量" localSheetId="2">#REF!</definedName>
    <definedName name="原水量">#REF!</definedName>
    <definedName name="現" localSheetId="4">#REF!</definedName>
    <definedName name="現" localSheetId="5">#REF!</definedName>
    <definedName name="現" localSheetId="6">#REF!</definedName>
    <definedName name="現" localSheetId="7">#REF!</definedName>
    <definedName name="現" localSheetId="8">#REF!</definedName>
    <definedName name="現" localSheetId="2">#REF!</definedName>
    <definedName name="現">#REF!</definedName>
    <definedName name="現管" localSheetId="4">#REF!</definedName>
    <definedName name="現管" localSheetId="5">#REF!</definedName>
    <definedName name="現管" localSheetId="6">#REF!</definedName>
    <definedName name="現管" localSheetId="7">#REF!</definedName>
    <definedName name="現管" localSheetId="8">#REF!</definedName>
    <definedName name="現管" localSheetId="0">#REF!</definedName>
    <definedName name="現管" localSheetId="2">#REF!</definedName>
    <definedName name="現管">#REF!</definedName>
    <definedName name="現場管理費" localSheetId="4">#REF!</definedName>
    <definedName name="現場管理費" localSheetId="5">#REF!</definedName>
    <definedName name="現場管理費" localSheetId="6">#REF!</definedName>
    <definedName name="現場管理費" localSheetId="7">#REF!</definedName>
    <definedName name="現場管理費" localSheetId="8">#REF!</definedName>
    <definedName name="現場管理費" localSheetId="2">#REF!</definedName>
    <definedName name="現場管理費">#REF!</definedName>
    <definedName name="呼出">#N/A</definedName>
    <definedName name="後番号">'[22]入力データ(H27用シート連動）'!$H$2:$H$52</definedName>
    <definedName name="交通整理員" localSheetId="4">#REF!</definedName>
    <definedName name="交通整理員" localSheetId="5">#REF!</definedName>
    <definedName name="交通整理員" localSheetId="6">#REF!</definedName>
    <definedName name="交通整理員" localSheetId="7">#REF!</definedName>
    <definedName name="交通整理員" localSheetId="8">#REF!</definedName>
    <definedName name="交通整理員" localSheetId="9">#REF!</definedName>
    <definedName name="交通整理員" localSheetId="2">#REF!</definedName>
    <definedName name="交通整理員">#REF!</definedName>
    <definedName name="工事カ所名">[82]設計書入力!$DT$23:$DU$700</definedName>
    <definedName name="工事件名">[83]工事総括!$C$3</definedName>
    <definedName name="工事名称">[84]表紙!$E$9</definedName>
    <definedName name="工事明細" localSheetId="4">#REF!</definedName>
    <definedName name="工事明細" localSheetId="5">#REF!</definedName>
    <definedName name="工事明細" localSheetId="6">#REF!</definedName>
    <definedName name="工事明細" localSheetId="7">#REF!</definedName>
    <definedName name="工事明細" localSheetId="8">#REF!</definedName>
    <definedName name="工事明細" localSheetId="9">#REF!</definedName>
    <definedName name="工事明細" localSheetId="2">#REF!</definedName>
    <definedName name="工事明細">#REF!</definedName>
    <definedName name="工種区分" localSheetId="4">#REF!</definedName>
    <definedName name="工種区分" localSheetId="5">#REF!</definedName>
    <definedName name="工種区分" localSheetId="6">#REF!</definedName>
    <definedName name="工種区分" localSheetId="7">#REF!</definedName>
    <definedName name="工種区分" localSheetId="8">#REF!</definedName>
    <definedName name="工種区分" localSheetId="2">#REF!</definedName>
    <definedName name="工種区分">#REF!</definedName>
    <definedName name="工場派遣労務費" localSheetId="4">#REF!</definedName>
    <definedName name="工場派遣労務費" localSheetId="5">#REF!</definedName>
    <definedName name="工場派遣労務費" localSheetId="6">#REF!</definedName>
    <definedName name="工場派遣労務費" localSheetId="7">#REF!</definedName>
    <definedName name="工場派遣労務費" localSheetId="8">#REF!</definedName>
    <definedName name="工場派遣労務費" localSheetId="0">#REF!</definedName>
    <definedName name="工場派遣労務費" localSheetId="2">#REF!</definedName>
    <definedName name="工場派遣労務費">#REF!</definedName>
    <definedName name="甲形止水栓φ20" localSheetId="4">#REF!</definedName>
    <definedName name="甲形止水栓φ20" localSheetId="5">#REF!</definedName>
    <definedName name="甲形止水栓φ20" localSheetId="6">#REF!</definedName>
    <definedName name="甲形止水栓φ20" localSheetId="7">#REF!</definedName>
    <definedName name="甲形止水栓φ20" localSheetId="8">#REF!</definedName>
    <definedName name="甲形止水栓φ20" localSheetId="2">#REF!</definedName>
    <definedName name="甲形止水栓φ20">#REF!</definedName>
    <definedName name="甲形止水栓φ25" localSheetId="4">#REF!</definedName>
    <definedName name="甲形止水栓φ25" localSheetId="5">#REF!</definedName>
    <definedName name="甲形止水栓φ25" localSheetId="6">#REF!</definedName>
    <definedName name="甲形止水栓φ25" localSheetId="7">#REF!</definedName>
    <definedName name="甲形止水栓φ25" localSheetId="8">#REF!</definedName>
    <definedName name="甲形止水栓φ25" localSheetId="2">#REF!</definedName>
    <definedName name="甲形止水栓φ25">#REF!</definedName>
    <definedName name="甲形止水栓φ40" localSheetId="4">#REF!</definedName>
    <definedName name="甲形止水栓φ40" localSheetId="5">#REF!</definedName>
    <definedName name="甲形止水栓φ40" localSheetId="6">#REF!</definedName>
    <definedName name="甲形止水栓φ40" localSheetId="7">#REF!</definedName>
    <definedName name="甲形止水栓φ40" localSheetId="8">#REF!</definedName>
    <definedName name="甲形止水栓φ40" localSheetId="2">#REF!</definedName>
    <definedName name="甲形止水栓φ40">#REF!</definedName>
    <definedName name="行削除" localSheetId="4">#REF!</definedName>
    <definedName name="行削除" localSheetId="5">#REF!</definedName>
    <definedName name="行削除" localSheetId="6">#REF!</definedName>
    <definedName name="行削除" localSheetId="7">#REF!</definedName>
    <definedName name="行削除" localSheetId="8">#REF!</definedName>
    <definedName name="行削除" localSheetId="2">#REF!</definedName>
    <definedName name="行削除">#REF!</definedName>
    <definedName name="行数" localSheetId="4">#REF!</definedName>
    <definedName name="行数" localSheetId="5">#REF!</definedName>
    <definedName name="行数" localSheetId="6">#REF!</definedName>
    <definedName name="行数" localSheetId="7">#REF!</definedName>
    <definedName name="行数" localSheetId="8">#REF!</definedName>
    <definedName name="行数" localSheetId="2">#REF!</definedName>
    <definedName name="行数">#REF!</definedName>
    <definedName name="行数18">#N/A</definedName>
    <definedName name="行挿入" localSheetId="4">#REF!</definedName>
    <definedName name="行挿入" localSheetId="5">#REF!</definedName>
    <definedName name="行挿入" localSheetId="6">#REF!</definedName>
    <definedName name="行挿入" localSheetId="7">#REF!</definedName>
    <definedName name="行挿入" localSheetId="8">#REF!</definedName>
    <definedName name="行挿入" localSheetId="9">#REF!</definedName>
    <definedName name="行挿入" localSheetId="2">#REF!</definedName>
    <definedName name="行挿入">#REF!</definedName>
    <definedName name="鋼管" localSheetId="4">#REF!</definedName>
    <definedName name="鋼管" localSheetId="5">#REF!</definedName>
    <definedName name="鋼管" localSheetId="6">#REF!</definedName>
    <definedName name="鋼管" localSheetId="7">#REF!</definedName>
    <definedName name="鋼管" localSheetId="8">#REF!</definedName>
    <definedName name="鋼管" localSheetId="2">#REF!</definedName>
    <definedName name="鋼管">#REF!</definedName>
    <definedName name="鋼管φ20" localSheetId="4">#REF!</definedName>
    <definedName name="鋼管φ20" localSheetId="5">#REF!</definedName>
    <definedName name="鋼管φ20" localSheetId="6">#REF!</definedName>
    <definedName name="鋼管φ20" localSheetId="7">#REF!</definedName>
    <definedName name="鋼管φ20" localSheetId="8">#REF!</definedName>
    <definedName name="鋼管φ20" localSheetId="2">#REF!</definedName>
    <definedName name="鋼管φ20">#REF!</definedName>
    <definedName name="鋼管φ25" localSheetId="4">#REF!</definedName>
    <definedName name="鋼管φ25" localSheetId="5">#REF!</definedName>
    <definedName name="鋼管φ25" localSheetId="6">#REF!</definedName>
    <definedName name="鋼管φ25" localSheetId="7">#REF!</definedName>
    <definedName name="鋼管φ25" localSheetId="8">#REF!</definedName>
    <definedName name="鋼管φ25" localSheetId="2">#REF!</definedName>
    <definedName name="鋼管φ25">#REF!</definedName>
    <definedName name="鋼管φ40" localSheetId="4">#REF!</definedName>
    <definedName name="鋼管φ40" localSheetId="5">#REF!</definedName>
    <definedName name="鋼管φ40" localSheetId="6">#REF!</definedName>
    <definedName name="鋼管φ40" localSheetId="7">#REF!</definedName>
    <definedName name="鋼管φ40" localSheetId="8">#REF!</definedName>
    <definedName name="鋼管φ40" localSheetId="2">#REF!</definedName>
    <definedName name="鋼管φ40">#REF!</definedName>
    <definedName name="鋼管類" localSheetId="8">[84]内訳書!#REF!</definedName>
    <definedName name="鋼管類">[84]内訳書!#REF!</definedName>
    <definedName name="鋼製加工品" localSheetId="4">#REF!</definedName>
    <definedName name="鋼製加工品" localSheetId="5">#REF!</definedName>
    <definedName name="鋼製加工品" localSheetId="6">#REF!</definedName>
    <definedName name="鋼製加工品" localSheetId="7">#REF!</definedName>
    <definedName name="鋼製加工品" localSheetId="8">#REF!</definedName>
    <definedName name="鋼製加工品" localSheetId="2">#REF!</definedName>
    <definedName name="鋼製加工品">#REF!</definedName>
    <definedName name="鋼製架台" localSheetId="4">#REF!</definedName>
    <definedName name="鋼製架台" localSheetId="5">#REF!</definedName>
    <definedName name="鋼製架台" localSheetId="6">#REF!</definedName>
    <definedName name="鋼製架台" localSheetId="7">#REF!</definedName>
    <definedName name="鋼製架台" localSheetId="8">#REF!</definedName>
    <definedName name="鋼製架台" localSheetId="2">#REF!</definedName>
    <definedName name="鋼製架台">#REF!</definedName>
    <definedName name="高さ1" localSheetId="4">#REF!</definedName>
    <definedName name="高さ1" localSheetId="5">#REF!</definedName>
    <definedName name="高さ1" localSheetId="6">#REF!</definedName>
    <definedName name="高さ1" localSheetId="7">#REF!</definedName>
    <definedName name="高さ1" localSheetId="8">#REF!</definedName>
    <definedName name="高さ1" localSheetId="2">#REF!</definedName>
    <definedName name="高さ1">#REF!</definedName>
    <definedName name="高級船員" localSheetId="4">#REF!</definedName>
    <definedName name="高級船員" localSheetId="5">#REF!</definedName>
    <definedName name="高級船員" localSheetId="6">#REF!</definedName>
    <definedName name="高級船員" localSheetId="7">#REF!</definedName>
    <definedName name="高級船員" localSheetId="8">#REF!</definedName>
    <definedName name="高級船員" localSheetId="2">#REF!</definedName>
    <definedName name="高級船員">#REF!</definedName>
    <definedName name="根拠設定" localSheetId="4">[68]表紙!#REF!</definedName>
    <definedName name="根拠設定" localSheetId="5">[68]表紙!#REF!</definedName>
    <definedName name="根拠設定" localSheetId="6">[68]表紙!#REF!</definedName>
    <definedName name="根拠設定" localSheetId="7">[68]表紙!#REF!</definedName>
    <definedName name="根拠設定" localSheetId="8">[68]表紙!#REF!</definedName>
    <definedName name="根拠設定" localSheetId="2">[68]表紙!#REF!</definedName>
    <definedName name="根拠設定">[68]表紙!#REF!</definedName>
    <definedName name="根拠範囲">[4]歩・屋!$B$3:$AD$372</definedName>
    <definedName name="左官" localSheetId="4">#REF!</definedName>
    <definedName name="左官" localSheetId="5">#REF!</definedName>
    <definedName name="左官" localSheetId="6">#REF!</definedName>
    <definedName name="左官" localSheetId="7">#REF!</definedName>
    <definedName name="左官" localSheetId="8">#REF!</definedName>
    <definedName name="左官" localSheetId="0">#REF!</definedName>
    <definedName name="左官" localSheetId="2">#REF!</definedName>
    <definedName name="左官">#REF!</definedName>
    <definedName name="査定率" localSheetId="4">#REF!</definedName>
    <definedName name="査定率" localSheetId="5">#REF!</definedName>
    <definedName name="査定率" localSheetId="6">#REF!</definedName>
    <definedName name="査定率" localSheetId="7">#REF!</definedName>
    <definedName name="査定率" localSheetId="8">#REF!</definedName>
    <definedName name="査定率" localSheetId="2">#REF!</definedName>
    <definedName name="査定率">#REF!</definedName>
    <definedName name="査定率表" localSheetId="4">[64]見積･重量!#REF!</definedName>
    <definedName name="査定率表" localSheetId="5">[64]見積･重量!#REF!</definedName>
    <definedName name="査定率表" localSheetId="6">[64]見積･重量!#REF!</definedName>
    <definedName name="査定率表" localSheetId="7">[64]見積･重量!#REF!</definedName>
    <definedName name="査定率表" localSheetId="8">[64]見積･重量!#REF!</definedName>
    <definedName name="査定率表" localSheetId="2">[64]見積･重量!#REF!</definedName>
    <definedName name="査定率表">[64]見積･重量!#REF!</definedName>
    <definedName name="最大給水量" localSheetId="4">#REF!</definedName>
    <definedName name="最大給水量" localSheetId="5">#REF!</definedName>
    <definedName name="最大給水量" localSheetId="6">#REF!</definedName>
    <definedName name="最大給水量" localSheetId="7">#REF!</definedName>
    <definedName name="最大給水量" localSheetId="8">#REF!</definedName>
    <definedName name="最大給水量" localSheetId="9">#REF!</definedName>
    <definedName name="最大給水量" localSheetId="2">#REF!</definedName>
    <definedName name="最大給水量">#REF!</definedName>
    <definedName name="砕石" localSheetId="9">[85]一位代価表!$F$147</definedName>
    <definedName name="砕石">[86]一位代価表!$F$147</definedName>
    <definedName name="細粒度AS" localSheetId="4">#REF!</definedName>
    <definedName name="細粒度AS" localSheetId="5">#REF!</definedName>
    <definedName name="細粒度AS" localSheetId="6">#REF!</definedName>
    <definedName name="細粒度AS" localSheetId="7">#REF!</definedName>
    <definedName name="細粒度AS" localSheetId="8">#REF!</definedName>
    <definedName name="細粒度AS" localSheetId="0">#REF!</definedName>
    <definedName name="細粒度AS" localSheetId="2">#REF!</definedName>
    <definedName name="細粒度AS">#REF!</definedName>
    <definedName name="材質" localSheetId="4">#REF!</definedName>
    <definedName name="材質" localSheetId="5">#REF!</definedName>
    <definedName name="材質" localSheetId="6">#REF!</definedName>
    <definedName name="材質" localSheetId="7">#REF!</definedName>
    <definedName name="材質" localSheetId="8">#REF!</definedName>
    <definedName name="材質" localSheetId="2">#REF!</definedName>
    <definedName name="材質">#REF!</definedName>
    <definedName name="材種">[87]鉄骨DATA!$A$2:$A$10</definedName>
    <definedName name="材料形状" localSheetId="4">#REF!</definedName>
    <definedName name="材料形状" localSheetId="5">#REF!</definedName>
    <definedName name="材料形状" localSheetId="6">#REF!</definedName>
    <definedName name="材料形状" localSheetId="7">#REF!</definedName>
    <definedName name="材料形状" localSheetId="8">#REF!</definedName>
    <definedName name="材料形状" localSheetId="9">#REF!</definedName>
    <definedName name="材料形状" localSheetId="2">#REF!</definedName>
    <definedName name="材料形状">#REF!</definedName>
    <definedName name="削除" localSheetId="4">#REF!</definedName>
    <definedName name="削除" localSheetId="5">#REF!</definedName>
    <definedName name="削除" localSheetId="6">#REF!</definedName>
    <definedName name="削除" localSheetId="7">#REF!</definedName>
    <definedName name="削除" localSheetId="8">#REF!</definedName>
    <definedName name="削除" localSheetId="2">#REF!</definedName>
    <definedName name="削除">#REF!</definedName>
    <definedName name="撮影士" localSheetId="4">#REF!</definedName>
    <definedName name="撮影士" localSheetId="5">#REF!</definedName>
    <definedName name="撮影士" localSheetId="6">#REF!</definedName>
    <definedName name="撮影士" localSheetId="7">#REF!</definedName>
    <definedName name="撮影士" localSheetId="8">#REF!</definedName>
    <definedName name="撮影士" localSheetId="2">#REF!</definedName>
    <definedName name="撮影士">#REF!</definedName>
    <definedName name="撮影助手" localSheetId="4">#REF!</definedName>
    <definedName name="撮影助手" localSheetId="5">#REF!</definedName>
    <definedName name="撮影助手" localSheetId="6">#REF!</definedName>
    <definedName name="撮影助手" localSheetId="7">#REF!</definedName>
    <definedName name="撮影助手" localSheetId="8">#REF!</definedName>
    <definedName name="撮影助手" localSheetId="2">#REF!</definedName>
    <definedName name="撮影助手">#REF!</definedName>
    <definedName name="雑材率" localSheetId="4">#REF!</definedName>
    <definedName name="雑材率" localSheetId="5">#REF!</definedName>
    <definedName name="雑材率" localSheetId="6">#REF!</definedName>
    <definedName name="雑材率" localSheetId="7">#REF!</definedName>
    <definedName name="雑材率" localSheetId="8">#REF!</definedName>
    <definedName name="雑材率" localSheetId="2">#REF!</definedName>
    <definedName name="雑材率">#REF!</definedName>
    <definedName name="山砂" localSheetId="4">#REF!</definedName>
    <definedName name="山砂" localSheetId="5">#REF!</definedName>
    <definedName name="山砂" localSheetId="6">#REF!</definedName>
    <definedName name="山砂" localSheetId="7">#REF!</definedName>
    <definedName name="山砂" localSheetId="8">#REF!</definedName>
    <definedName name="山砂" localSheetId="0">#REF!</definedName>
    <definedName name="山砂" localSheetId="2">#REF!</definedName>
    <definedName name="山砂">#REF!</definedName>
    <definedName name="山林砂防工" localSheetId="4">#REF!</definedName>
    <definedName name="山林砂防工" localSheetId="5">#REF!</definedName>
    <definedName name="山林砂防工" localSheetId="6">#REF!</definedName>
    <definedName name="山林砂防工" localSheetId="7">#REF!</definedName>
    <definedName name="山林砂防工" localSheetId="8">#REF!</definedName>
    <definedName name="山林砂防工" localSheetId="2">#REF!</definedName>
    <definedName name="山林砂防工">#REF!</definedName>
    <definedName name="酸素" localSheetId="4">#REF!</definedName>
    <definedName name="酸素" localSheetId="5">#REF!</definedName>
    <definedName name="酸素" localSheetId="6">#REF!</definedName>
    <definedName name="酸素" localSheetId="7">#REF!</definedName>
    <definedName name="酸素" localSheetId="8">#REF!</definedName>
    <definedName name="酸素" localSheetId="0">#REF!</definedName>
    <definedName name="酸素" localSheetId="2">#REF!</definedName>
    <definedName name="酸素">#REF!</definedName>
    <definedName name="残土自由処分" localSheetId="4">#REF!</definedName>
    <definedName name="残土自由処分" localSheetId="5">#REF!</definedName>
    <definedName name="残土自由処分" localSheetId="6">#REF!</definedName>
    <definedName name="残土自由処分" localSheetId="7">#REF!</definedName>
    <definedName name="残土自由処分" localSheetId="8">#REF!</definedName>
    <definedName name="残土自由処分" localSheetId="0">#REF!</definedName>
    <definedName name="残土自由処分" localSheetId="2">#REF!</definedName>
    <definedName name="残土自由処分">#REF!</definedName>
    <definedName name="使用量" localSheetId="4">#REF!</definedName>
    <definedName name="使用量" localSheetId="5">#REF!</definedName>
    <definedName name="使用量" localSheetId="6">#REF!</definedName>
    <definedName name="使用量" localSheetId="7">#REF!</definedName>
    <definedName name="使用量" localSheetId="8">#REF!</definedName>
    <definedName name="使用量" localSheetId="2">#REF!</definedName>
    <definedName name="使用量">#REF!</definedName>
    <definedName name="市町村名">'[22]入力データ(H27用シート連動）'!$D$2:$D$9</definedName>
    <definedName name="市予算区分">'[22]入力データ(H27用シート連動）'!$V$2:$V$15</definedName>
    <definedName name="施工区分" localSheetId="4">#REF!</definedName>
    <definedName name="施工区分" localSheetId="5">#REF!</definedName>
    <definedName name="施工区分" localSheetId="6">#REF!</definedName>
    <definedName name="施工区分" localSheetId="7">#REF!</definedName>
    <definedName name="施工区分" localSheetId="8">#REF!</definedName>
    <definedName name="施工区分" localSheetId="2">#REF!</definedName>
    <definedName name="施工区分">#REF!</definedName>
    <definedName name="施工地域" localSheetId="4">#REF!</definedName>
    <definedName name="施工地域" localSheetId="5">#REF!</definedName>
    <definedName name="施工地域" localSheetId="6">#REF!</definedName>
    <definedName name="施工地域" localSheetId="7">#REF!</definedName>
    <definedName name="施工地域" localSheetId="8">#REF!</definedName>
    <definedName name="施工地域" localSheetId="2">#REF!</definedName>
    <definedName name="施工地域">#REF!</definedName>
    <definedName name="施策">'[22]入力データ(H27用シート連動）'!$AN$2:$AN$22</definedName>
    <definedName name="試運転費" localSheetId="4">#REF!</definedName>
    <definedName name="試運転費" localSheetId="5">#REF!</definedName>
    <definedName name="試運転費" localSheetId="6">#REF!</definedName>
    <definedName name="試運転費" localSheetId="7">#REF!</definedName>
    <definedName name="試運転費" localSheetId="8">#REF!</definedName>
    <definedName name="試運転費" localSheetId="0">#REF!</definedName>
    <definedName name="試運転費" localSheetId="2">#REF!</definedName>
    <definedName name="試運転費">#REF!</definedName>
    <definedName name="寺井２" localSheetId="9" hidden="1">{"設定1",#N/A,FALSE,"第5号-1";"設定2",#N/A,FALSE,"第5号-1"}</definedName>
    <definedName name="寺井２" hidden="1">{"設定1",#N/A,FALSE,"第5号-1";"設定2",#N/A,FALSE,"第5号-1"}</definedName>
    <definedName name="次亜逆洗費" localSheetId="4">#REF!</definedName>
    <definedName name="次亜逆洗費" localSheetId="5">#REF!</definedName>
    <definedName name="次亜逆洗費" localSheetId="6">#REF!</definedName>
    <definedName name="次亜逆洗費" localSheetId="7">#REF!</definedName>
    <definedName name="次亜逆洗費" localSheetId="8">#REF!</definedName>
    <definedName name="次亜逆洗費" localSheetId="9">#REF!</definedName>
    <definedName name="次亜逆洗費" localSheetId="2">#REF!</definedName>
    <definedName name="次亜逆洗費">#REF!</definedName>
    <definedName name="次亜消毒費" localSheetId="4">#REF!</definedName>
    <definedName name="次亜消毒費" localSheetId="5">#REF!</definedName>
    <definedName name="次亜消毒費" localSheetId="6">#REF!</definedName>
    <definedName name="次亜消毒費" localSheetId="7">#REF!</definedName>
    <definedName name="次亜消毒費" localSheetId="8">#REF!</definedName>
    <definedName name="次亜消毒費" localSheetId="2">#REF!</definedName>
    <definedName name="次亜消毒費">#REF!</definedName>
    <definedName name="次亜単価" localSheetId="4">#REF!</definedName>
    <definedName name="次亜単価" localSheetId="5">#REF!</definedName>
    <definedName name="次亜単価" localSheetId="6">#REF!</definedName>
    <definedName name="次亜単価" localSheetId="7">#REF!</definedName>
    <definedName name="次亜単価" localSheetId="8">#REF!</definedName>
    <definedName name="次亜単価" localSheetId="2">#REF!</definedName>
    <definedName name="次亜単価">#REF!</definedName>
    <definedName name="自家発" localSheetId="4">[88]!Dialog3_ボタン2_Click</definedName>
    <definedName name="自家発" localSheetId="5">[88]!Dialog3_ボタン2_Click</definedName>
    <definedName name="自家発" localSheetId="6">[88]!Dialog3_ボタン2_Click</definedName>
    <definedName name="自家発" localSheetId="7">[88]!Dialog3_ボタン2_Click</definedName>
    <definedName name="自家発" localSheetId="8">[88]!Dialog3_ボタン2_Click</definedName>
    <definedName name="自家発" localSheetId="2">[88]!Dialog3_ボタン2_Click</definedName>
    <definedName name="自家発">[88]!Dialog3_ボタン2_Click</definedName>
    <definedName name="室内">[7]内訳!$A$249</definedName>
    <definedName name="実行" localSheetId="4">#REF!</definedName>
    <definedName name="実行" localSheetId="5">#REF!</definedName>
    <definedName name="実行" localSheetId="6">#REF!</definedName>
    <definedName name="実行" localSheetId="7">#REF!</definedName>
    <definedName name="実行" localSheetId="8">#REF!</definedName>
    <definedName name="実行" localSheetId="9">#REF!</definedName>
    <definedName name="実行" localSheetId="2">#REF!</definedName>
    <definedName name="実行">#REF!</definedName>
    <definedName name="主任技師" localSheetId="4">#REF!</definedName>
    <definedName name="主任技師" localSheetId="5">#REF!</definedName>
    <definedName name="主任技師" localSheetId="6">#REF!</definedName>
    <definedName name="主任技師" localSheetId="7">#REF!</definedName>
    <definedName name="主任技師" localSheetId="8">#REF!</definedName>
    <definedName name="主任技師" localSheetId="2">#REF!</definedName>
    <definedName name="主任技師">#REF!</definedName>
    <definedName name="主任技術者" localSheetId="4">#REF!</definedName>
    <definedName name="主任技術者" localSheetId="5">#REF!</definedName>
    <definedName name="主任技術者" localSheetId="6">#REF!</definedName>
    <definedName name="主任技術者" localSheetId="7">#REF!</definedName>
    <definedName name="主任技術者" localSheetId="8">#REF!</definedName>
    <definedName name="主任技術者" localSheetId="2">#REF!</definedName>
    <definedName name="主任技術者">#REF!</definedName>
    <definedName name="主任地質調査員" localSheetId="4">#REF!</definedName>
    <definedName name="主任地質調査員" localSheetId="5">#REF!</definedName>
    <definedName name="主任地質調査員" localSheetId="6">#REF!</definedName>
    <definedName name="主任地質調査員" localSheetId="7">#REF!</definedName>
    <definedName name="主任地質調査員" localSheetId="8">#REF!</definedName>
    <definedName name="主任地質調査員" localSheetId="2">#REF!</definedName>
    <definedName name="主任地質調査員">#REF!</definedName>
    <definedName name="種別" localSheetId="4">[64]見積･重量!#REF!</definedName>
    <definedName name="種別" localSheetId="5">[64]見積･重量!#REF!</definedName>
    <definedName name="種別" localSheetId="6">[64]見積･重量!#REF!</definedName>
    <definedName name="種別" localSheetId="7">[64]見積･重量!#REF!</definedName>
    <definedName name="種別" localSheetId="8">[64]見積･重量!#REF!</definedName>
    <definedName name="種別" localSheetId="2">[64]見積･重量!#REF!</definedName>
    <definedName name="種別">[64]見積･重量!#REF!</definedName>
    <definedName name="修正" localSheetId="4">[28]表紙!#REF!</definedName>
    <definedName name="修正" localSheetId="5">[28]表紙!#REF!</definedName>
    <definedName name="修正" localSheetId="6">[28]表紙!#REF!</definedName>
    <definedName name="修正" localSheetId="7">[28]表紙!#REF!</definedName>
    <definedName name="修正" localSheetId="8">[28]表紙!#REF!</definedName>
    <definedName name="修正" localSheetId="2">[28]表紙!#REF!</definedName>
    <definedName name="修正">[28]表紙!#REF!</definedName>
    <definedName name="修正1" localSheetId="4">[28]表紙!#REF!</definedName>
    <definedName name="修正1" localSheetId="5">[28]表紙!#REF!</definedName>
    <definedName name="修正1" localSheetId="6">[28]表紙!#REF!</definedName>
    <definedName name="修正1" localSheetId="7">[28]表紙!#REF!</definedName>
    <definedName name="修正1" localSheetId="8">[28]表紙!#REF!</definedName>
    <definedName name="修正1" localSheetId="2">[28]表紙!#REF!</definedName>
    <definedName name="修正1">[28]表紙!#REF!</definedName>
    <definedName name="修正2" localSheetId="4">[28]表紙!#REF!</definedName>
    <definedName name="修正2" localSheetId="5">[28]表紙!#REF!</definedName>
    <definedName name="修正2" localSheetId="6">[28]表紙!#REF!</definedName>
    <definedName name="修正2" localSheetId="7">[28]表紙!#REF!</definedName>
    <definedName name="修正2" localSheetId="8">[28]表紙!#REF!</definedName>
    <definedName name="修正2" localSheetId="2">[28]表紙!#REF!</definedName>
    <definedName name="修正2">[28]表紙!#REF!</definedName>
    <definedName name="修正3" localSheetId="4">[28]表紙!#REF!</definedName>
    <definedName name="修正3" localSheetId="5">[28]表紙!#REF!</definedName>
    <definedName name="修正3" localSheetId="6">[28]表紙!#REF!</definedName>
    <definedName name="修正3" localSheetId="7">[28]表紙!#REF!</definedName>
    <definedName name="修正3" localSheetId="8">[28]表紙!#REF!</definedName>
    <definedName name="修正3" localSheetId="2">[28]表紙!#REF!</definedName>
    <definedName name="修正3">[28]表紙!#REF!</definedName>
    <definedName name="修正4" localSheetId="4">[28]表紙!#REF!</definedName>
    <definedName name="修正4" localSheetId="5">[28]表紙!#REF!</definedName>
    <definedName name="修正4" localSheetId="6">[28]表紙!#REF!</definedName>
    <definedName name="修正4" localSheetId="7">[28]表紙!#REF!</definedName>
    <definedName name="修正4" localSheetId="8">[28]表紙!#REF!</definedName>
    <definedName name="修正4" localSheetId="2">[28]表紙!#REF!</definedName>
    <definedName name="修正4">[28]表紙!#REF!</definedName>
    <definedName name="修正5" localSheetId="4">[68]表紙!#REF!</definedName>
    <definedName name="修正5" localSheetId="5">[68]表紙!#REF!</definedName>
    <definedName name="修正5" localSheetId="6">[68]表紙!#REF!</definedName>
    <definedName name="修正5" localSheetId="7">[68]表紙!#REF!</definedName>
    <definedName name="修正5" localSheetId="8">[68]表紙!#REF!</definedName>
    <definedName name="修正5" localSheetId="2">[68]表紙!#REF!</definedName>
    <definedName name="修正5">[68]表紙!#REF!</definedName>
    <definedName name="修正6" localSheetId="4">[68]表紙!#REF!</definedName>
    <definedName name="修正6" localSheetId="5">[68]表紙!#REF!</definedName>
    <definedName name="修正6" localSheetId="6">[68]表紙!#REF!</definedName>
    <definedName name="修正6" localSheetId="7">[68]表紙!#REF!</definedName>
    <definedName name="修正6" localSheetId="8">[68]表紙!#REF!</definedName>
    <definedName name="修正6" localSheetId="2">[68]表紙!#REF!</definedName>
    <definedName name="修正6">[68]表紙!#REF!</definedName>
    <definedName name="修正年月">[89]目次!$B$2</definedName>
    <definedName name="終了">#N/A</definedName>
    <definedName name="出力" localSheetId="4">#REF!</definedName>
    <definedName name="出力" localSheetId="5">#REF!</definedName>
    <definedName name="出力" localSheetId="6">#REF!</definedName>
    <definedName name="出力" localSheetId="7">#REF!</definedName>
    <definedName name="出力" localSheetId="8">#REF!</definedName>
    <definedName name="出力" localSheetId="9">#REF!</definedName>
    <definedName name="出力" localSheetId="2">#REF!</definedName>
    <definedName name="出力">#REF!</definedName>
    <definedName name="出力２">'[4]#REF'!$U$5:$AK$5</definedName>
    <definedName name="準備" localSheetId="4">#REF!</definedName>
    <definedName name="準備" localSheetId="5">#REF!</definedName>
    <definedName name="準備" localSheetId="6">#REF!</definedName>
    <definedName name="準備" localSheetId="7">#REF!</definedName>
    <definedName name="準備" localSheetId="8">#REF!</definedName>
    <definedName name="準備" localSheetId="0">#REF!</definedName>
    <definedName name="準備" localSheetId="2">#REF!</definedName>
    <definedName name="準備">#REF!</definedName>
    <definedName name="純元" localSheetId="4">#REF!</definedName>
    <definedName name="純元" localSheetId="5">#REF!</definedName>
    <definedName name="純元" localSheetId="6">#REF!</definedName>
    <definedName name="純元" localSheetId="7">#REF!</definedName>
    <definedName name="純元" localSheetId="8">#REF!</definedName>
    <definedName name="純元" localSheetId="0">#REF!</definedName>
    <definedName name="純元" localSheetId="2">#REF!</definedName>
    <definedName name="純元">#REF!</definedName>
    <definedName name="純工" localSheetId="4">#REF!</definedName>
    <definedName name="純工" localSheetId="5">#REF!</definedName>
    <definedName name="純工" localSheetId="6">#REF!</definedName>
    <definedName name="純工" localSheetId="7">#REF!</definedName>
    <definedName name="純工" localSheetId="8">#REF!</definedName>
    <definedName name="純工" localSheetId="0">#REF!</definedName>
    <definedName name="純工" localSheetId="2">#REF!</definedName>
    <definedName name="純工">#REF!</definedName>
    <definedName name="処分費" localSheetId="9">施工条件明示一覧表!処分費</definedName>
    <definedName name="処分費" localSheetId="0">設計書表紙!処分費</definedName>
    <definedName name="処分費">[0]!処分費</definedName>
    <definedName name="処分費１" localSheetId="9">施工条件明示一覧表!処分費１</definedName>
    <definedName name="処分費１" localSheetId="0">設計書表紙!処分費１</definedName>
    <definedName name="処分費１">[0]!処分費１</definedName>
    <definedName name="処分費２" localSheetId="9">施工条件明示一覧表!処分費２</definedName>
    <definedName name="処分費２" localSheetId="0">設計書表紙!処分費２</definedName>
    <definedName name="処分費２">[0]!処分費２</definedName>
    <definedName name="処分費３" localSheetId="9">施工条件明示一覧表!処分費３</definedName>
    <definedName name="処分費３" localSheetId="0">設計書表紙!処分費３</definedName>
    <definedName name="処分費３">[0]!処分費３</definedName>
    <definedName name="処理区">'[22]入力データ(H27用シート連動）'!$M$2:$M$51</definedName>
    <definedName name="処理水量" localSheetId="4">#REF!</definedName>
    <definedName name="処理水量" localSheetId="5">#REF!</definedName>
    <definedName name="処理水量" localSheetId="6">#REF!</definedName>
    <definedName name="処理水量" localSheetId="7">#REF!</definedName>
    <definedName name="処理水量" localSheetId="8">#REF!</definedName>
    <definedName name="処理水量" localSheetId="9">#REF!</definedName>
    <definedName name="処理水量" localSheetId="2">#REF!</definedName>
    <definedName name="処理水量">#REF!</definedName>
    <definedName name="小計">[82]設計書入力!$FD$21:$GH$23</definedName>
    <definedName name="小松経費" localSheetId="4" hidden="1">#REF!</definedName>
    <definedName name="小松経費" localSheetId="5" hidden="1">#REF!</definedName>
    <definedName name="小松経費" localSheetId="6" hidden="1">#REF!</definedName>
    <definedName name="小松経費" localSheetId="7" hidden="1">#REF!</definedName>
    <definedName name="小松経費" localSheetId="8" hidden="1">#REF!</definedName>
    <definedName name="小松経費" localSheetId="9" hidden="1">#REF!</definedName>
    <definedName name="小松経費" localSheetId="2" hidden="1">#REF!</definedName>
    <definedName name="小松経費" hidden="1">#REF!</definedName>
    <definedName name="小配管" localSheetId="4">#REF!</definedName>
    <definedName name="小配管" localSheetId="5">#REF!</definedName>
    <definedName name="小配管" localSheetId="6">#REF!</definedName>
    <definedName name="小配管" localSheetId="7">#REF!</definedName>
    <definedName name="小配管" localSheetId="8">#REF!</definedName>
    <definedName name="小配管" localSheetId="2">#REF!</definedName>
    <definedName name="小配管">#REF!</definedName>
    <definedName name="小配管弁類" localSheetId="4">#REF!</definedName>
    <definedName name="小配管弁類" localSheetId="5">#REF!</definedName>
    <definedName name="小配管弁類" localSheetId="6">#REF!</definedName>
    <definedName name="小配管弁類" localSheetId="7">#REF!</definedName>
    <definedName name="小配管弁類" localSheetId="8">#REF!</definedName>
    <definedName name="小配管弁類" localSheetId="2">#REF!</definedName>
    <definedName name="小配管弁類">#REF!</definedName>
    <definedName name="小便器" localSheetId="4">#REF!</definedName>
    <definedName name="小便器" localSheetId="5">#REF!</definedName>
    <definedName name="小便器" localSheetId="6">#REF!</definedName>
    <definedName name="小便器" localSheetId="7">#REF!</definedName>
    <definedName name="小便器" localSheetId="8">#REF!</definedName>
    <definedName name="小便器" localSheetId="2">#REF!</definedName>
    <definedName name="小便器">#REF!</definedName>
    <definedName name="松阪市" localSheetId="4">#REF!</definedName>
    <definedName name="松阪市" localSheetId="5">#REF!</definedName>
    <definedName name="松阪市" localSheetId="6">#REF!</definedName>
    <definedName name="松阪市" localSheetId="7">#REF!</definedName>
    <definedName name="松阪市" localSheetId="8">#REF!</definedName>
    <definedName name="松阪市" localSheetId="2">#REF!</definedName>
    <definedName name="松阪市">#REF!</definedName>
    <definedName name="消毒次亜費" localSheetId="4">#REF!</definedName>
    <definedName name="消毒次亜費" localSheetId="5">#REF!</definedName>
    <definedName name="消毒次亜費" localSheetId="6">#REF!</definedName>
    <definedName name="消毒次亜費" localSheetId="7">#REF!</definedName>
    <definedName name="消毒次亜費" localSheetId="8">#REF!</definedName>
    <definedName name="消毒次亜費" localSheetId="2">#REF!</definedName>
    <definedName name="消毒次亜費">#REF!</definedName>
    <definedName name="消毒費" localSheetId="4">#REF!</definedName>
    <definedName name="消毒費" localSheetId="5">#REF!</definedName>
    <definedName name="消毒費" localSheetId="6">#REF!</definedName>
    <definedName name="消毒費" localSheetId="7">#REF!</definedName>
    <definedName name="消毒費" localSheetId="8">#REF!</definedName>
    <definedName name="消毒費" localSheetId="2">#REF!</definedName>
    <definedName name="消毒費">#REF!</definedName>
    <definedName name="照明" localSheetId="9" hidden="1">{"設定1",#N/A,FALSE,"第5号-1";"設定2",#N/A,FALSE,"第5号-1"}</definedName>
    <definedName name="照明" hidden="1">{"設定1",#N/A,FALSE,"第5号-1";"設定2",#N/A,FALSE,"第5号-1"}</definedName>
    <definedName name="照明器具_K201" localSheetId="4">#REF!</definedName>
    <definedName name="照明器具_K201" localSheetId="5">#REF!</definedName>
    <definedName name="照明器具_K201" localSheetId="6">#REF!</definedName>
    <definedName name="照明器具_K201" localSheetId="7">#REF!</definedName>
    <definedName name="照明器具_K201" localSheetId="8">#REF!</definedName>
    <definedName name="照明器具_K201" localSheetId="9">#REF!</definedName>
    <definedName name="照明器具_K201" localSheetId="2">#REF!</definedName>
    <definedName name="照明器具_K201">#REF!</definedName>
    <definedName name="省略単価" localSheetId="4">#REF!</definedName>
    <definedName name="省略単価" localSheetId="5">#REF!</definedName>
    <definedName name="省略単価" localSheetId="6">#REF!</definedName>
    <definedName name="省略単価" localSheetId="7">#REF!</definedName>
    <definedName name="省略単価" localSheetId="8">#REF!</definedName>
    <definedName name="省略単価" localSheetId="2">#REF!</definedName>
    <definedName name="省略単価">#REF!</definedName>
    <definedName name="条件" localSheetId="4">#REF!</definedName>
    <definedName name="条件" localSheetId="5">#REF!</definedName>
    <definedName name="条件" localSheetId="6">#REF!</definedName>
    <definedName name="条件" localSheetId="7">#REF!</definedName>
    <definedName name="条件" localSheetId="8">#REF!</definedName>
    <definedName name="条件" localSheetId="2">#REF!</definedName>
    <definedName name="条件">#REF!</definedName>
    <definedName name="条件１" localSheetId="4">#REF!</definedName>
    <definedName name="条件１" localSheetId="5">#REF!</definedName>
    <definedName name="条件１" localSheetId="6">#REF!</definedName>
    <definedName name="条件１" localSheetId="7">#REF!</definedName>
    <definedName name="条件１" localSheetId="8">#REF!</definedName>
    <definedName name="条件１" localSheetId="2">#REF!</definedName>
    <definedName name="条件１">#REF!</definedName>
    <definedName name="条件２" localSheetId="4">#REF!</definedName>
    <definedName name="条件２" localSheetId="5">#REF!</definedName>
    <definedName name="条件２" localSheetId="6">#REF!</definedName>
    <definedName name="条件２" localSheetId="7">#REF!</definedName>
    <definedName name="条件２" localSheetId="8">#REF!</definedName>
    <definedName name="条件２" localSheetId="2">#REF!</definedName>
    <definedName name="条件２">#REF!</definedName>
    <definedName name="条件３" localSheetId="4">#REF!</definedName>
    <definedName name="条件３" localSheetId="5">#REF!</definedName>
    <definedName name="条件３" localSheetId="6">#REF!</definedName>
    <definedName name="条件３" localSheetId="7">#REF!</definedName>
    <definedName name="条件３" localSheetId="8">#REF!</definedName>
    <definedName name="条件３" localSheetId="2">#REF!</definedName>
    <definedName name="条件３">#REF!</definedName>
    <definedName name="条件４" localSheetId="4">#REF!</definedName>
    <definedName name="条件４" localSheetId="5">#REF!</definedName>
    <definedName name="条件４" localSheetId="6">#REF!</definedName>
    <definedName name="条件４" localSheetId="7">#REF!</definedName>
    <definedName name="条件４" localSheetId="8">#REF!</definedName>
    <definedName name="条件４" localSheetId="2">#REF!</definedName>
    <definedName name="条件４">#REF!</definedName>
    <definedName name="条件５" localSheetId="4">#REF!</definedName>
    <definedName name="条件５" localSheetId="5">#REF!</definedName>
    <definedName name="条件５" localSheetId="6">#REF!</definedName>
    <definedName name="条件５" localSheetId="7">#REF!</definedName>
    <definedName name="条件５" localSheetId="8">#REF!</definedName>
    <definedName name="条件５" localSheetId="2">#REF!</definedName>
    <definedName name="条件５">#REF!</definedName>
    <definedName name="条件６" localSheetId="4">#REF!</definedName>
    <definedName name="条件６" localSheetId="5">#REF!</definedName>
    <definedName name="条件６" localSheetId="6">#REF!</definedName>
    <definedName name="条件６" localSheetId="7">#REF!</definedName>
    <definedName name="条件６" localSheetId="8">#REF!</definedName>
    <definedName name="条件６" localSheetId="2">#REF!</definedName>
    <definedName name="条件６">#REF!</definedName>
    <definedName name="浄化槽" localSheetId="4">#REF!</definedName>
    <definedName name="浄化槽" localSheetId="5">#REF!</definedName>
    <definedName name="浄化槽" localSheetId="6">#REF!</definedName>
    <definedName name="浄化槽" localSheetId="7">#REF!</definedName>
    <definedName name="浄化槽" localSheetId="8">#REF!</definedName>
    <definedName name="浄化槽" localSheetId="2">#REF!</definedName>
    <definedName name="浄化槽">#REF!</definedName>
    <definedName name="伸縮止水栓φ20" localSheetId="4">#REF!</definedName>
    <definedName name="伸縮止水栓φ20" localSheetId="5">#REF!</definedName>
    <definedName name="伸縮止水栓φ20" localSheetId="6">#REF!</definedName>
    <definedName name="伸縮止水栓φ20" localSheetId="7">#REF!</definedName>
    <definedName name="伸縮止水栓φ20" localSheetId="8">#REF!</definedName>
    <definedName name="伸縮止水栓φ20" localSheetId="2">#REF!</definedName>
    <definedName name="伸縮止水栓φ20">#REF!</definedName>
    <definedName name="伸縮止水栓φ20×φ13" localSheetId="4">#REF!</definedName>
    <definedName name="伸縮止水栓φ20×φ13" localSheetId="5">#REF!</definedName>
    <definedName name="伸縮止水栓φ20×φ13" localSheetId="6">#REF!</definedName>
    <definedName name="伸縮止水栓φ20×φ13" localSheetId="7">#REF!</definedName>
    <definedName name="伸縮止水栓φ20×φ13" localSheetId="8">#REF!</definedName>
    <definedName name="伸縮止水栓φ20×φ13" localSheetId="2">#REF!</definedName>
    <definedName name="伸縮止水栓φ20×φ13">#REF!</definedName>
    <definedName name="伸縮止水栓φ20×φ16" localSheetId="4">#REF!</definedName>
    <definedName name="伸縮止水栓φ20×φ16" localSheetId="5">#REF!</definedName>
    <definedName name="伸縮止水栓φ20×φ16" localSheetId="6">#REF!</definedName>
    <definedName name="伸縮止水栓φ20×φ16" localSheetId="7">#REF!</definedName>
    <definedName name="伸縮止水栓φ20×φ16" localSheetId="8">#REF!</definedName>
    <definedName name="伸縮止水栓φ20×φ16" localSheetId="2">#REF!</definedName>
    <definedName name="伸縮止水栓φ20×φ16">#REF!</definedName>
    <definedName name="伸縮止水栓φ25" localSheetId="4">#REF!</definedName>
    <definedName name="伸縮止水栓φ25" localSheetId="5">#REF!</definedName>
    <definedName name="伸縮止水栓φ25" localSheetId="6">#REF!</definedName>
    <definedName name="伸縮止水栓φ25" localSheetId="7">#REF!</definedName>
    <definedName name="伸縮止水栓φ25" localSheetId="8">#REF!</definedName>
    <definedName name="伸縮止水栓φ25" localSheetId="2">#REF!</definedName>
    <definedName name="伸縮止水栓φ25">#REF!</definedName>
    <definedName name="伸縮止水栓φ40" localSheetId="4">#REF!</definedName>
    <definedName name="伸縮止水栓φ40" localSheetId="5">#REF!</definedName>
    <definedName name="伸縮止水栓φ40" localSheetId="6">#REF!</definedName>
    <definedName name="伸縮止水栓φ40" localSheetId="7">#REF!</definedName>
    <definedName name="伸縮止水栓φ40" localSheetId="8">#REF!</definedName>
    <definedName name="伸縮止水栓φ40" localSheetId="2">#REF!</definedName>
    <definedName name="伸縮止水栓φ40">#REF!</definedName>
    <definedName name="新規継続">'[22]入力データ(H27用シート連動）'!$AK$2:$AK$7</definedName>
    <definedName name="新設・撤去・再用区分" localSheetId="4">#REF!</definedName>
    <definedName name="新設・撤去・再用区分" localSheetId="5">#REF!</definedName>
    <definedName name="新設・撤去・再用区分" localSheetId="6">#REF!</definedName>
    <definedName name="新設・撤去・再用区分" localSheetId="7">#REF!</definedName>
    <definedName name="新設・撤去・再用区分" localSheetId="8">#REF!</definedName>
    <definedName name="新設・撤去・再用区分" localSheetId="2">#REF!</definedName>
    <definedName name="新設・撤去・再用区分">#REF!</definedName>
    <definedName name="人件費" localSheetId="4">#REF!</definedName>
    <definedName name="人件費" localSheetId="5">#REF!</definedName>
    <definedName name="人件費" localSheetId="6">#REF!</definedName>
    <definedName name="人件費" localSheetId="7">#REF!</definedName>
    <definedName name="人件費" localSheetId="8">#REF!</definedName>
    <definedName name="人件費" localSheetId="2">#REF!</definedName>
    <definedName name="人件費">#REF!</definedName>
    <definedName name="人工集計表" localSheetId="4">#REF!</definedName>
    <definedName name="人工集計表" localSheetId="5">#REF!</definedName>
    <definedName name="人工集計表" localSheetId="6">#REF!</definedName>
    <definedName name="人工集計表" localSheetId="7">#REF!</definedName>
    <definedName name="人工集計表" localSheetId="8">#REF!</definedName>
    <definedName name="人工集計表" localSheetId="2">#REF!</definedName>
    <definedName name="人工集計表">#REF!</definedName>
    <definedName name="人力床堀" localSheetId="4">#REF!</definedName>
    <definedName name="人力床堀" localSheetId="5">#REF!</definedName>
    <definedName name="人力床堀" localSheetId="6">#REF!</definedName>
    <definedName name="人力床堀" localSheetId="7">#REF!</definedName>
    <definedName name="人力床堀" localSheetId="8">#REF!</definedName>
    <definedName name="人力床堀" localSheetId="0">#REF!</definedName>
    <definedName name="人力床堀" localSheetId="2">#REF!</definedName>
    <definedName name="人力床堀">#REF!</definedName>
    <definedName name="人力埋戻工" localSheetId="4">#REF!</definedName>
    <definedName name="人力埋戻工" localSheetId="5">#REF!</definedName>
    <definedName name="人力埋戻工" localSheetId="6">#REF!</definedName>
    <definedName name="人力埋戻工" localSheetId="7">#REF!</definedName>
    <definedName name="人力埋戻工" localSheetId="8">#REF!</definedName>
    <definedName name="人力埋戻工" localSheetId="0">#REF!</definedName>
    <definedName name="人力埋戻工" localSheetId="2">#REF!</definedName>
    <definedName name="人力埋戻工">#REF!</definedName>
    <definedName name="人力埋戻工ﾀﾝﾊﾟｰ" localSheetId="4">#REF!</definedName>
    <definedName name="人力埋戻工ﾀﾝﾊﾟｰ" localSheetId="5">#REF!</definedName>
    <definedName name="人力埋戻工ﾀﾝﾊﾟｰ" localSheetId="6">#REF!</definedName>
    <definedName name="人力埋戻工ﾀﾝﾊﾟｰ" localSheetId="7">#REF!</definedName>
    <definedName name="人力埋戻工ﾀﾝﾊﾟｰ" localSheetId="8">#REF!</definedName>
    <definedName name="人力埋戻工ﾀﾝﾊﾟｰ" localSheetId="0">#REF!</definedName>
    <definedName name="人力埋戻工ﾀﾝﾊﾟｰ" localSheetId="2">#REF!</definedName>
    <definedName name="人力埋戻工ﾀﾝﾊﾟｰ">#REF!</definedName>
    <definedName name="水槽_FRP">[4]歩・屋!$W$6</definedName>
    <definedName name="水槽_鉄">[4]歩・屋!$W$7</definedName>
    <definedName name="水中ポンプ" localSheetId="9">[85]一位代価表!$F$223</definedName>
    <definedName name="水中ポンプ">[86]一位代価表!$F$223</definedName>
    <definedName name="数値" localSheetId="4">#REF!</definedName>
    <definedName name="数値" localSheetId="5">#REF!</definedName>
    <definedName name="数値" localSheetId="6">#REF!</definedName>
    <definedName name="数値" localSheetId="7">#REF!</definedName>
    <definedName name="数値" localSheetId="8">#REF!</definedName>
    <definedName name="数値" localSheetId="9">#REF!</definedName>
    <definedName name="数値" localSheetId="2">#REF!</definedName>
    <definedName name="数値">#REF!</definedName>
    <definedName name="数値コピー" localSheetId="4">#REF!</definedName>
    <definedName name="数値コピー" localSheetId="5">#REF!</definedName>
    <definedName name="数値コピー" localSheetId="6">#REF!</definedName>
    <definedName name="数値コピー" localSheetId="7">#REF!</definedName>
    <definedName name="数値コピー" localSheetId="8">#REF!</definedName>
    <definedName name="数値コピー" localSheetId="2">#REF!</definedName>
    <definedName name="数値コピー">#REF!</definedName>
    <definedName name="数量" localSheetId="4">#REF!</definedName>
    <definedName name="数量" localSheetId="5">#REF!</definedName>
    <definedName name="数量" localSheetId="6">#REF!</definedName>
    <definedName name="数量" localSheetId="7">#REF!</definedName>
    <definedName name="数量" localSheetId="8">#REF!</definedName>
    <definedName name="数量" localSheetId="2">#REF!</definedName>
    <definedName name="数量">#REF!</definedName>
    <definedName name="数量1" localSheetId="4">#REF!</definedName>
    <definedName name="数量1" localSheetId="5">#REF!</definedName>
    <definedName name="数量1" localSheetId="6">#REF!</definedName>
    <definedName name="数量1" localSheetId="7">#REF!</definedName>
    <definedName name="数量1" localSheetId="8">#REF!</definedName>
    <definedName name="数量1" localSheetId="2">#REF!</definedName>
    <definedName name="数量1">#REF!</definedName>
    <definedName name="据付" localSheetId="9" hidden="1">{"設定1",#N/A,FALSE,"第5号-1";"設定2",#N/A,FALSE,"第5号-1"}</definedName>
    <definedName name="据付" hidden="1">{"設定1",#N/A,FALSE,"第5号-1";"設定2",#N/A,FALSE,"第5号-1"}</definedName>
    <definedName name="据付2" localSheetId="9" hidden="1">{"設定1",#N/A,FALSE,"第5号-1";"設定2",#N/A,FALSE,"第5号-1"}</definedName>
    <definedName name="据付2" hidden="1">{"設定1",#N/A,FALSE,"第5号-1";"設定2",#N/A,FALSE,"第5号-1"}</definedName>
    <definedName name="据付3" localSheetId="9" hidden="1">{"設定1",#N/A,FALSE,"第5号-1";"設定2",#N/A,FALSE,"第5号-1"}</definedName>
    <definedName name="据付3" hidden="1">{"設定1",#N/A,FALSE,"第5号-1";"設定2",#N/A,FALSE,"第5号-1"}</definedName>
    <definedName name="据付4" localSheetId="9" hidden="1">{"設定1",#N/A,FALSE,"第5号-1";"設定2",#N/A,FALSE,"第5号-1"}</definedName>
    <definedName name="据付4" hidden="1">{"設定1",#N/A,FALSE,"第5号-1";"設定2",#N/A,FALSE,"第5号-1"}</definedName>
    <definedName name="据付5" localSheetId="9" hidden="1">{"設定1",#N/A,FALSE,"第5号-1";"設定2",#N/A,FALSE,"第5号-1"}</definedName>
    <definedName name="据付5" hidden="1">{"設定1",#N/A,FALSE,"第5号-1";"設定2",#N/A,FALSE,"第5号-1"}</definedName>
    <definedName name="据付6" localSheetId="9" hidden="1">{"設定1",#N/A,FALSE,"第5号-1";"設定2",#N/A,FALSE,"第5号-1"}</definedName>
    <definedName name="据付6" hidden="1">{"設定1",#N/A,FALSE,"第5号-1";"設定2",#N/A,FALSE,"第5号-1"}</definedName>
    <definedName name="整備士" localSheetId="4">#REF!</definedName>
    <definedName name="整備士" localSheetId="5">#REF!</definedName>
    <definedName name="整備士" localSheetId="6">#REF!</definedName>
    <definedName name="整備士" localSheetId="7">#REF!</definedName>
    <definedName name="整備士" localSheetId="8">#REF!</definedName>
    <definedName name="整備士" localSheetId="9">#REF!</definedName>
    <definedName name="整備士" localSheetId="2">#REF!</definedName>
    <definedName name="整備士">#REF!</definedName>
    <definedName name="生コンFｰ160" localSheetId="4">#REF!</definedName>
    <definedName name="生コンFｰ160" localSheetId="5">#REF!</definedName>
    <definedName name="生コンFｰ160" localSheetId="6">#REF!</definedName>
    <definedName name="生コンFｰ160" localSheetId="7">#REF!</definedName>
    <definedName name="生コンFｰ160" localSheetId="8">#REF!</definedName>
    <definedName name="生コンFｰ160" localSheetId="0">#REF!</definedName>
    <definedName name="生コンFｰ160" localSheetId="2">#REF!</definedName>
    <definedName name="生コンFｰ160">#REF!</definedName>
    <definedName name="生コンFｰ210" localSheetId="4">#REF!</definedName>
    <definedName name="生コンFｰ210" localSheetId="5">#REF!</definedName>
    <definedName name="生コンFｰ210" localSheetId="6">#REF!</definedName>
    <definedName name="生コンFｰ210" localSheetId="7">#REF!</definedName>
    <definedName name="生コンFｰ210" localSheetId="8">#REF!</definedName>
    <definedName name="生コンFｰ210" localSheetId="0">#REF!</definedName>
    <definedName name="生コンFｰ210" localSheetId="2">#REF!</definedName>
    <definedName name="生コンFｰ210">#REF!</definedName>
    <definedName name="請負額算定" localSheetId="4">[90]!印刷</definedName>
    <definedName name="請負額算定" localSheetId="5">[90]!印刷</definedName>
    <definedName name="請負額算定" localSheetId="6">[90]!印刷</definedName>
    <definedName name="請負額算定" localSheetId="7">[90]!印刷</definedName>
    <definedName name="請負額算定" localSheetId="8">[90]!印刷</definedName>
    <definedName name="請負額算定" localSheetId="2">[90]!印刷</definedName>
    <definedName name="請負額算定">[90]!印刷</definedName>
    <definedName name="石工" localSheetId="4">#REF!</definedName>
    <definedName name="石工" localSheetId="5">#REF!</definedName>
    <definedName name="石工" localSheetId="6">#REF!</definedName>
    <definedName name="石工" localSheetId="7">#REF!</definedName>
    <definedName name="石工" localSheetId="8">#REF!</definedName>
    <definedName name="石工" localSheetId="9">#REF!</definedName>
    <definedName name="石工" localSheetId="2">#REF!</definedName>
    <definedName name="石工">#REF!</definedName>
    <definedName name="切込砕石Cｰ30" localSheetId="4">#REF!</definedName>
    <definedName name="切込砕石Cｰ30" localSheetId="5">#REF!</definedName>
    <definedName name="切込砕石Cｰ30" localSheetId="6">#REF!</definedName>
    <definedName name="切込砕石Cｰ30" localSheetId="7">#REF!</definedName>
    <definedName name="切込砕石Cｰ30" localSheetId="8">#REF!</definedName>
    <definedName name="切込砕石Cｰ30" localSheetId="0">#REF!</definedName>
    <definedName name="切込砕石Cｰ30" localSheetId="2">#REF!</definedName>
    <definedName name="切込砕石Cｰ30">#REF!</definedName>
    <definedName name="切込砕石Cｰ40" localSheetId="4">#REF!</definedName>
    <definedName name="切込砕石Cｰ40" localSheetId="5">#REF!</definedName>
    <definedName name="切込砕石Cｰ40" localSheetId="6">#REF!</definedName>
    <definedName name="切込砕石Cｰ40" localSheetId="7">#REF!</definedName>
    <definedName name="切込砕石Cｰ40" localSheetId="8">#REF!</definedName>
    <definedName name="切込砕石Cｰ40" localSheetId="0">#REF!</definedName>
    <definedName name="切込砕石Cｰ40" localSheetId="2">#REF!</definedName>
    <definedName name="切込砕石Cｰ40">#REF!</definedName>
    <definedName name="切込砕石Cｰ80" localSheetId="4">#REF!</definedName>
    <definedName name="切込砕石Cｰ80" localSheetId="5">#REF!</definedName>
    <definedName name="切込砕石Cｰ80" localSheetId="6">#REF!</definedName>
    <definedName name="切込砕石Cｰ80" localSheetId="7">#REF!</definedName>
    <definedName name="切込砕石Cｰ80" localSheetId="8">#REF!</definedName>
    <definedName name="切込砕石Cｰ80" localSheetId="0">#REF!</definedName>
    <definedName name="切込砕石Cｰ80" localSheetId="2">#REF!</definedName>
    <definedName name="切込砕石Cｰ80">#REF!</definedName>
    <definedName name="接合材料率" localSheetId="4">#REF!</definedName>
    <definedName name="接合材料率" localSheetId="5">#REF!</definedName>
    <definedName name="接合材料率" localSheetId="6">#REF!</definedName>
    <definedName name="接合材料率" localSheetId="7">#REF!</definedName>
    <definedName name="接合材料率" localSheetId="8">#REF!</definedName>
    <definedName name="接合材料率" localSheetId="2">#REF!</definedName>
    <definedName name="接合材料率">#REF!</definedName>
    <definedName name="設計" localSheetId="4">[73]表紙!#REF!</definedName>
    <definedName name="設計" localSheetId="5">[73]表紙!#REF!</definedName>
    <definedName name="設計" localSheetId="6">[73]表紙!#REF!</definedName>
    <definedName name="設計" localSheetId="7">[73]表紙!#REF!</definedName>
    <definedName name="設計" localSheetId="8">[73]表紙!#REF!</definedName>
    <definedName name="設計" localSheetId="2">[73]表紙!#REF!</definedName>
    <definedName name="設計">[73]表紙!#REF!</definedName>
    <definedName name="設計技術員" localSheetId="4">#REF!</definedName>
    <definedName name="設計技術員" localSheetId="5">#REF!</definedName>
    <definedName name="設計技術員" localSheetId="6">#REF!</definedName>
    <definedName name="設計技術員" localSheetId="7">#REF!</definedName>
    <definedName name="設計技術員" localSheetId="8">#REF!</definedName>
    <definedName name="設計技術員" localSheetId="9">#REF!</definedName>
    <definedName name="設計技術員" localSheetId="2">#REF!</definedName>
    <definedName name="設計技術員">#REF!</definedName>
    <definedName name="設計書2" localSheetId="9">施工条件明示一覧表!設計書2</definedName>
    <definedName name="設計書2" localSheetId="0">設計書表紙!設計書2</definedName>
    <definedName name="設計書2">[0]!設計書2</definedName>
    <definedName name="設計書表紙金入" localSheetId="4">#REF!</definedName>
    <definedName name="設計書表紙金入" localSheetId="5">#REF!</definedName>
    <definedName name="設計書表紙金入" localSheetId="6">#REF!</definedName>
    <definedName name="設計書表紙金入" localSheetId="7">#REF!</definedName>
    <definedName name="設計書表紙金入" localSheetId="8">#REF!</definedName>
    <definedName name="設計書表紙金入" localSheetId="9">#REF!</definedName>
    <definedName name="設計書表紙金入" localSheetId="2">#REF!</definedName>
    <definedName name="設計書表紙金入">#REF!</definedName>
    <definedName name="設計書表紙金抜" localSheetId="4">#REF!</definedName>
    <definedName name="設計書表紙金抜" localSheetId="5">#REF!</definedName>
    <definedName name="設計書表紙金抜" localSheetId="6">#REF!</definedName>
    <definedName name="設計書表紙金抜" localSheetId="7">#REF!</definedName>
    <definedName name="設計書表紙金抜" localSheetId="8">#REF!</definedName>
    <definedName name="設計書表紙金抜" localSheetId="2">#REF!</definedName>
    <definedName name="設計書表紙金抜">#REF!</definedName>
    <definedName name="設計書表紙金抜２">[91]設計書!$AN$63:$AX$86</definedName>
    <definedName name="設備機械工" localSheetId="4">#REF!</definedName>
    <definedName name="設備機械工" localSheetId="5">#REF!</definedName>
    <definedName name="設備機械工" localSheetId="6">#REF!</definedName>
    <definedName name="設備機械工" localSheetId="7">#REF!</definedName>
    <definedName name="設備機械工" localSheetId="8">#REF!</definedName>
    <definedName name="設備機械工" localSheetId="9">#REF!</definedName>
    <definedName name="設備機械工" localSheetId="2">#REF!</definedName>
    <definedName name="設備機械工">#REF!</definedName>
    <definedName name="設備名称1" localSheetId="4">#REF!</definedName>
    <definedName name="設備名称1" localSheetId="5">#REF!</definedName>
    <definedName name="設備名称1" localSheetId="6">#REF!</definedName>
    <definedName name="設備名称1" localSheetId="7">#REF!</definedName>
    <definedName name="設備名称1" localSheetId="8">#REF!</definedName>
    <definedName name="設備名称1" localSheetId="2">#REF!</definedName>
    <definedName name="設備名称1">#REF!</definedName>
    <definedName name="節">'[22]入力データ(H27用シート連動）'!$W$1:$W$27</definedName>
    <definedName name="洗面器" localSheetId="4">#REF!</definedName>
    <definedName name="洗面器" localSheetId="5">#REF!</definedName>
    <definedName name="洗面器" localSheetId="6">#REF!</definedName>
    <definedName name="洗面器" localSheetId="7">#REF!</definedName>
    <definedName name="洗面器" localSheetId="8">#REF!</definedName>
    <definedName name="洗面器" localSheetId="2">#REF!</definedName>
    <definedName name="洗面器">#REF!</definedName>
    <definedName name="潜かん工" localSheetId="4">#REF!</definedName>
    <definedName name="潜かん工" localSheetId="5">#REF!</definedName>
    <definedName name="潜かん工" localSheetId="6">#REF!</definedName>
    <definedName name="潜かん工" localSheetId="7">#REF!</definedName>
    <definedName name="潜かん工" localSheetId="8">#REF!</definedName>
    <definedName name="潜かん工" localSheetId="2">#REF!</definedName>
    <definedName name="潜かん工">#REF!</definedName>
    <definedName name="潜かん世話役" localSheetId="4">#REF!</definedName>
    <definedName name="潜かん世話役" localSheetId="5">#REF!</definedName>
    <definedName name="潜かん世話役" localSheetId="6">#REF!</definedName>
    <definedName name="潜かん世話役" localSheetId="7">#REF!</definedName>
    <definedName name="潜かん世話役" localSheetId="8">#REF!</definedName>
    <definedName name="潜かん世話役" localSheetId="2">#REF!</definedName>
    <definedName name="潜かん世話役">#REF!</definedName>
    <definedName name="潜水士" localSheetId="4">#REF!</definedName>
    <definedName name="潜水士" localSheetId="5">#REF!</definedName>
    <definedName name="潜水士" localSheetId="6">#REF!</definedName>
    <definedName name="潜水士" localSheetId="7">#REF!</definedName>
    <definedName name="潜水士" localSheetId="8">#REF!</definedName>
    <definedName name="潜水士" localSheetId="2">#REF!</definedName>
    <definedName name="潜水士">#REF!</definedName>
    <definedName name="潜水世話役" localSheetId="4">#REF!</definedName>
    <definedName name="潜水世話役" localSheetId="5">#REF!</definedName>
    <definedName name="潜水世話役" localSheetId="6">#REF!</definedName>
    <definedName name="潜水世話役" localSheetId="7">#REF!</definedName>
    <definedName name="潜水世話役" localSheetId="8">#REF!</definedName>
    <definedName name="潜水世話役" localSheetId="2">#REF!</definedName>
    <definedName name="潜水世話役">#REF!</definedName>
    <definedName name="潜水送気員" localSheetId="4">#REF!</definedName>
    <definedName name="潜水送気員" localSheetId="5">#REF!</definedName>
    <definedName name="潜水送気員" localSheetId="6">#REF!</definedName>
    <definedName name="潜水送気員" localSheetId="7">#REF!</definedName>
    <definedName name="潜水送気員" localSheetId="8">#REF!</definedName>
    <definedName name="潜水送気員" localSheetId="2">#REF!</definedName>
    <definedName name="潜水送気員">#REF!</definedName>
    <definedName name="潜水連絡員" localSheetId="4">#REF!</definedName>
    <definedName name="潜水連絡員" localSheetId="5">#REF!</definedName>
    <definedName name="潜水連絡員" localSheetId="6">#REF!</definedName>
    <definedName name="潜水連絡員" localSheetId="7">#REF!</definedName>
    <definedName name="潜水連絡員" localSheetId="8">#REF!</definedName>
    <definedName name="潜水連絡員" localSheetId="2">#REF!</definedName>
    <definedName name="潜水連絡員">#REF!</definedName>
    <definedName name="船団長" localSheetId="4">#REF!</definedName>
    <definedName name="船団長" localSheetId="5">#REF!</definedName>
    <definedName name="船団長" localSheetId="6">#REF!</definedName>
    <definedName name="船団長" localSheetId="7">#REF!</definedName>
    <definedName name="船団長" localSheetId="8">#REF!</definedName>
    <definedName name="船団長" localSheetId="2">#REF!</definedName>
    <definedName name="船団長">#REF!</definedName>
    <definedName name="前払金割合" localSheetId="4">#REF!</definedName>
    <definedName name="前払金割合" localSheetId="5">#REF!</definedName>
    <definedName name="前払金割合" localSheetId="6">#REF!</definedName>
    <definedName name="前払金割合" localSheetId="7">#REF!</definedName>
    <definedName name="前払金割合" localSheetId="8">#REF!</definedName>
    <definedName name="前払金割合" localSheetId="2">#REF!</definedName>
    <definedName name="前払金割合">#REF!</definedName>
    <definedName name="全体設計年度">'[22]入力データ(H27用シート連動）'!$AC$1:$AC$65536</definedName>
    <definedName name="全体内訳書" localSheetId="9" hidden="1">{"設定1",#N/A,FALSE,"第5号-1";"設定2",#N/A,FALSE,"第5号-1"}</definedName>
    <definedName name="全体内訳書" hidden="1">{"設定1",#N/A,FALSE,"第5号-1";"設定2",#N/A,FALSE,"第5号-1"}</definedName>
    <definedName name="全頁印刷" localSheetId="4">[28]表紙!#REF!</definedName>
    <definedName name="全頁印刷" localSheetId="5">[28]表紙!#REF!</definedName>
    <definedName name="全頁印刷" localSheetId="6">[28]表紙!#REF!</definedName>
    <definedName name="全頁印刷" localSheetId="7">[28]表紙!#REF!</definedName>
    <definedName name="全頁印刷" localSheetId="8">[28]表紙!#REF!</definedName>
    <definedName name="全頁印刷" localSheetId="2">[28]表紙!#REF!</definedName>
    <definedName name="全頁印刷">[28]表紙!#REF!</definedName>
    <definedName name="粗粒AS" localSheetId="4">#REF!</definedName>
    <definedName name="粗粒AS" localSheetId="5">#REF!</definedName>
    <definedName name="粗粒AS" localSheetId="6">#REF!</definedName>
    <definedName name="粗粒AS" localSheetId="7">#REF!</definedName>
    <definedName name="粗粒AS" localSheetId="8">#REF!</definedName>
    <definedName name="粗粒AS" localSheetId="0">#REF!</definedName>
    <definedName name="粗粒AS" localSheetId="2">#REF!</definedName>
    <definedName name="粗粒AS">#REF!</definedName>
    <definedName name="組合せ試験費" localSheetId="4">#REF!</definedName>
    <definedName name="組合せ試験費" localSheetId="5">#REF!</definedName>
    <definedName name="組合せ試験費" localSheetId="6">#REF!</definedName>
    <definedName name="組合せ試験費" localSheetId="7">#REF!</definedName>
    <definedName name="組合せ試験費" localSheetId="8">#REF!</definedName>
    <definedName name="組合せ試験費" localSheetId="0">#REF!</definedName>
    <definedName name="組合せ試験費" localSheetId="2">#REF!</definedName>
    <definedName name="組合せ試験費">#REF!</definedName>
    <definedName name="創" localSheetId="4">#REF!</definedName>
    <definedName name="創" localSheetId="5">#REF!</definedName>
    <definedName name="創" localSheetId="6">#REF!</definedName>
    <definedName name="創" localSheetId="7">#REF!</definedName>
    <definedName name="創" localSheetId="8">#REF!</definedName>
    <definedName name="創" localSheetId="2">#REF!</definedName>
    <definedName name="創">#REF!</definedName>
    <definedName name="操縦士" localSheetId="4">#REF!</definedName>
    <definedName name="操縦士" localSheetId="5">#REF!</definedName>
    <definedName name="操縦士" localSheetId="6">#REF!</definedName>
    <definedName name="操縦士" localSheetId="7">#REF!</definedName>
    <definedName name="操縦士" localSheetId="8">#REF!</definedName>
    <definedName name="操縦士" localSheetId="2">#REF!</definedName>
    <definedName name="操縦士">#REF!</definedName>
    <definedName name="総括">[7]内訳!$A$1</definedName>
    <definedName name="送付" localSheetId="9" hidden="1">{"設定1",#N/A,FALSE,"第5号-1";"設定2",#N/A,FALSE,"第5号-1"}</definedName>
    <definedName name="送付" hidden="1">{"設定1",#N/A,FALSE,"第5号-1";"設定2",#N/A,FALSE,"第5号-1"}</definedName>
    <definedName name="送付1" localSheetId="9" hidden="1">{"設定1",#N/A,FALSE,"第5号-1";"設定2",#N/A,FALSE,"第5号-1"}</definedName>
    <definedName name="送付1" hidden="1">{"設定1",#N/A,FALSE,"第5号-1";"設定2",#N/A,FALSE,"第5号-1"}</definedName>
    <definedName name="造園工" localSheetId="4">#REF!</definedName>
    <definedName name="造園工" localSheetId="5">#REF!</definedName>
    <definedName name="造園工" localSheetId="6">#REF!</definedName>
    <definedName name="造園工" localSheetId="7">#REF!</definedName>
    <definedName name="造園工" localSheetId="8">#REF!</definedName>
    <definedName name="造園工" localSheetId="9">#REF!</definedName>
    <definedName name="造園工" localSheetId="2">#REF!</definedName>
    <definedName name="造園工">#REF!</definedName>
    <definedName name="測量技師" localSheetId="4">#REF!</definedName>
    <definedName name="測量技師" localSheetId="5">#REF!</definedName>
    <definedName name="測量技師" localSheetId="6">#REF!</definedName>
    <definedName name="測量技師" localSheetId="7">#REF!</definedName>
    <definedName name="測量技師" localSheetId="8">#REF!</definedName>
    <definedName name="測量技師" localSheetId="2">#REF!</definedName>
    <definedName name="測量技師">#REF!</definedName>
    <definedName name="測量技師補" localSheetId="4">#REF!</definedName>
    <definedName name="測量技師補" localSheetId="5">#REF!</definedName>
    <definedName name="測量技師補" localSheetId="6">#REF!</definedName>
    <definedName name="測量技師補" localSheetId="7">#REF!</definedName>
    <definedName name="測量技師補" localSheetId="8">#REF!</definedName>
    <definedName name="測量技師補" localSheetId="2">#REF!</definedName>
    <definedName name="測量技師補">#REF!</definedName>
    <definedName name="測量主任技師" localSheetId="4">#REF!</definedName>
    <definedName name="測量主任技師" localSheetId="5">#REF!</definedName>
    <definedName name="測量主任技師" localSheetId="6">#REF!</definedName>
    <definedName name="測量主任技師" localSheetId="7">#REF!</definedName>
    <definedName name="測量主任技師" localSheetId="8">#REF!</definedName>
    <definedName name="測量主任技師" localSheetId="2">#REF!</definedName>
    <definedName name="測量主任技師">#REF!</definedName>
    <definedName name="測量助手" localSheetId="4">#REF!</definedName>
    <definedName name="測量助手" localSheetId="5">#REF!</definedName>
    <definedName name="測量助手" localSheetId="6">#REF!</definedName>
    <definedName name="測量助手" localSheetId="7">#REF!</definedName>
    <definedName name="測量助手" localSheetId="8">#REF!</definedName>
    <definedName name="測量助手" localSheetId="2">#REF!</definedName>
    <definedName name="測量助手">#REF!</definedName>
    <definedName name="測量上級主任技師" localSheetId="4">#REF!</definedName>
    <definedName name="測量上級主任技師" localSheetId="5">#REF!</definedName>
    <definedName name="測量上級主任技師" localSheetId="6">#REF!</definedName>
    <definedName name="測量上級主任技師" localSheetId="7">#REF!</definedName>
    <definedName name="測量上級主任技師" localSheetId="8">#REF!</definedName>
    <definedName name="測量上級主任技師" localSheetId="2">#REF!</definedName>
    <definedName name="測量上級主任技師">#REF!</definedName>
    <definedName name="続" localSheetId="4">#REF!</definedName>
    <definedName name="続" localSheetId="5">#REF!</definedName>
    <definedName name="続" localSheetId="6">#REF!</definedName>
    <definedName name="続" localSheetId="7">#REF!</definedName>
    <definedName name="続" localSheetId="8">#REF!</definedName>
    <definedName name="続" localSheetId="2">#REF!</definedName>
    <definedName name="続">#REF!</definedName>
    <definedName name="多度" localSheetId="4">#REF!</definedName>
    <definedName name="多度" localSheetId="5">#REF!</definedName>
    <definedName name="多度" localSheetId="6">#REF!</definedName>
    <definedName name="多度" localSheetId="7">#REF!</definedName>
    <definedName name="多度" localSheetId="8">#REF!</definedName>
    <definedName name="多度" localSheetId="2">#REF!</definedName>
    <definedName name="多度">#REF!</definedName>
    <definedName name="多度内訳書その２" localSheetId="4">#REF!</definedName>
    <definedName name="多度内訳書その２" localSheetId="5">#REF!</definedName>
    <definedName name="多度内訳書その２" localSheetId="6">#REF!</definedName>
    <definedName name="多度内訳書その２" localSheetId="7">#REF!</definedName>
    <definedName name="多度内訳書その２" localSheetId="8">#REF!</definedName>
    <definedName name="多度内訳書その２" localSheetId="2">#REF!</definedName>
    <definedName name="多度内訳書その２">#REF!</definedName>
    <definedName name="太罫線" localSheetId="4">#REF!</definedName>
    <definedName name="太罫線" localSheetId="5">#REF!</definedName>
    <definedName name="太罫線" localSheetId="6">#REF!</definedName>
    <definedName name="太罫線" localSheetId="7">#REF!</definedName>
    <definedName name="太罫線" localSheetId="8">#REF!</definedName>
    <definedName name="太罫線" localSheetId="2">#REF!</definedName>
    <definedName name="太罫線">#REF!</definedName>
    <definedName name="耐震水槽">[4]歩・屋!$W$11</definedName>
    <definedName name="代価" localSheetId="9">施工条件明示一覧表!代価</definedName>
    <definedName name="代価" localSheetId="0">設計書表紙!代価</definedName>
    <definedName name="代価">[0]!代価</definedName>
    <definedName name="代価一覧PRINT" localSheetId="4">#REF!</definedName>
    <definedName name="代価一覧PRINT" localSheetId="5">#REF!</definedName>
    <definedName name="代価一覧PRINT" localSheetId="6">#REF!</definedName>
    <definedName name="代価一覧PRINT" localSheetId="7">#REF!</definedName>
    <definedName name="代価一覧PRINT" localSheetId="8">#REF!</definedName>
    <definedName name="代価一覧PRINT" localSheetId="9">#REF!</definedName>
    <definedName name="代価一覧PRINT" localSheetId="2">#REF!</definedName>
    <definedName name="代価一覧PRINT">#REF!</definedName>
    <definedName name="代価一覧表PRINT" localSheetId="4">#REF!</definedName>
    <definedName name="代価一覧表PRINT" localSheetId="5">#REF!</definedName>
    <definedName name="代価一覧表PRINT" localSheetId="6">#REF!</definedName>
    <definedName name="代価一覧表PRINT" localSheetId="7">#REF!</definedName>
    <definedName name="代価一覧表PRINT" localSheetId="8">#REF!</definedName>
    <definedName name="代価一覧表PRINT" localSheetId="2">#REF!</definedName>
    <definedName name="代価一覧表PRINT">#REF!</definedName>
    <definedName name="代価根拠範囲">[4]歩・屋!$B$3:$AD$362</definedName>
    <definedName name="代価電気">[92]一位代価!$A:$IV</definedName>
    <definedName name="代価表" localSheetId="4">#REF!</definedName>
    <definedName name="代価表" localSheetId="5">#REF!</definedName>
    <definedName name="代価表" localSheetId="6">#REF!</definedName>
    <definedName name="代価表" localSheetId="7">#REF!</definedName>
    <definedName name="代価表" localSheetId="8">#REF!</definedName>
    <definedName name="代価表" localSheetId="9">#REF!</definedName>
    <definedName name="代価表" localSheetId="0">設計書表紙!代価表</definedName>
    <definedName name="代価表" localSheetId="2">#REF!</definedName>
    <definedName name="代価表">#REF!</definedName>
    <definedName name="代価表Ａ" localSheetId="9"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4">#REF!</definedName>
    <definedName name="大工" localSheetId="5">#REF!</definedName>
    <definedName name="大工" localSheetId="6">#REF!</definedName>
    <definedName name="大工" localSheetId="7">#REF!</definedName>
    <definedName name="大工" localSheetId="8">#REF!</definedName>
    <definedName name="大工" localSheetId="0">#REF!</definedName>
    <definedName name="大工" localSheetId="2">#REF!</definedName>
    <definedName name="大工">#REF!</definedName>
    <definedName name="大便器" localSheetId="4">#REF!</definedName>
    <definedName name="大便器" localSheetId="5">#REF!</definedName>
    <definedName name="大便器" localSheetId="6">#REF!</definedName>
    <definedName name="大便器" localSheetId="7">#REF!</definedName>
    <definedName name="大便器" localSheetId="8">#REF!</definedName>
    <definedName name="大便器" localSheetId="2">#REF!</definedName>
    <definedName name="大便器">#REF!</definedName>
    <definedName name="第_Ａ_２" localSheetId="4">#REF!</definedName>
    <definedName name="第_Ａ_２" localSheetId="5">#REF!</definedName>
    <definedName name="第_Ａ_２" localSheetId="6">#REF!</definedName>
    <definedName name="第_Ａ_２" localSheetId="7">#REF!</definedName>
    <definedName name="第_Ａ_２" localSheetId="8">#REF!</definedName>
    <definedName name="第_Ａ_２" localSheetId="2">#REF!</definedName>
    <definedName name="第_Ａ_２">#REF!</definedName>
    <definedName name="第_Ａ_３" localSheetId="4">#REF!</definedName>
    <definedName name="第_Ａ_３" localSheetId="5">#REF!</definedName>
    <definedName name="第_Ａ_３" localSheetId="6">#REF!</definedName>
    <definedName name="第_Ａ_３" localSheetId="7">#REF!</definedName>
    <definedName name="第_Ａ_３" localSheetId="8">#REF!</definedName>
    <definedName name="第_Ａ_３" localSheetId="2">#REF!</definedName>
    <definedName name="第_Ａ_３">#REF!</definedName>
    <definedName name="第_Ｂ_１" localSheetId="4">#REF!</definedName>
    <definedName name="第_Ｂ_１" localSheetId="5">#REF!</definedName>
    <definedName name="第_Ｂ_１" localSheetId="6">#REF!</definedName>
    <definedName name="第_Ｂ_１" localSheetId="7">#REF!</definedName>
    <definedName name="第_Ｂ_１" localSheetId="8">#REF!</definedName>
    <definedName name="第_Ｂ_１" localSheetId="2">#REF!</definedName>
    <definedName name="第_Ｂ_１">#REF!</definedName>
    <definedName name="第_Ｂ_２" localSheetId="4">'[93]Ａ代価 '!#REF!</definedName>
    <definedName name="第_Ｂ_２" localSheetId="5">'[93]Ａ代価 '!#REF!</definedName>
    <definedName name="第_Ｂ_２" localSheetId="6">'[93]Ａ代価 '!#REF!</definedName>
    <definedName name="第_Ｂ_２" localSheetId="7">'[93]Ａ代価 '!#REF!</definedName>
    <definedName name="第_Ｂ_２" localSheetId="8">'[93]Ａ代価 '!#REF!</definedName>
    <definedName name="第_Ｂ_２" localSheetId="2">'[93]Ａ代価 '!#REF!</definedName>
    <definedName name="第_Ｂ_２">'[93]Ａ代価 '!#REF!</definedName>
    <definedName name="第_Ｂ_４" localSheetId="4">'[93]Ａ代価 '!#REF!</definedName>
    <definedName name="第_Ｂ_４" localSheetId="5">'[93]Ａ代価 '!#REF!</definedName>
    <definedName name="第_Ｂ_４" localSheetId="6">'[93]Ａ代価 '!#REF!</definedName>
    <definedName name="第_Ｂ_４" localSheetId="7">'[93]Ａ代価 '!#REF!</definedName>
    <definedName name="第_Ｂ_４" localSheetId="8">'[93]Ａ代価 '!#REF!</definedName>
    <definedName name="第_Ｂ_４" localSheetId="2">'[93]Ａ代価 '!#REF!</definedName>
    <definedName name="第_Ｂ_４">'[93]Ａ代価 '!#REF!</definedName>
    <definedName name="第１号管代価" localSheetId="4">#REF!</definedName>
    <definedName name="第１号管代価" localSheetId="5">#REF!</definedName>
    <definedName name="第１号管代価" localSheetId="6">#REF!</definedName>
    <definedName name="第１号管代価" localSheetId="7">#REF!</definedName>
    <definedName name="第１号管代価" localSheetId="8">#REF!</definedName>
    <definedName name="第１号管代価" localSheetId="2">#REF!</definedName>
    <definedName name="第１号管代価">#REF!</definedName>
    <definedName name="第１号明細書" localSheetId="9" hidden="1">{"設定1",#N/A,FALSE,"第5号-1";"設定2",#N/A,FALSE,"第5号-1"}</definedName>
    <definedName name="第１号明細書" hidden="1">{"設定1",#N/A,FALSE,"第5号-1";"設定2",#N/A,FALSE,"第5号-1"}</definedName>
    <definedName name="第一号" localSheetId="4">#REF!</definedName>
    <definedName name="第一号" localSheetId="5">#REF!</definedName>
    <definedName name="第一号" localSheetId="6">#REF!</definedName>
    <definedName name="第一号" localSheetId="7">#REF!</definedName>
    <definedName name="第一号" localSheetId="8">#REF!</definedName>
    <definedName name="第一号" localSheetId="9">#REF!</definedName>
    <definedName name="第一号" localSheetId="2">#REF!</definedName>
    <definedName name="第一号">#REF!</definedName>
    <definedName name="第三号" localSheetId="4">#REF!</definedName>
    <definedName name="第三号" localSheetId="5">#REF!</definedName>
    <definedName name="第三号" localSheetId="6">#REF!</definedName>
    <definedName name="第三号" localSheetId="7">#REF!</definedName>
    <definedName name="第三号" localSheetId="8">#REF!</definedName>
    <definedName name="第三号" localSheetId="2">#REF!</definedName>
    <definedName name="第三号">#REF!</definedName>
    <definedName name="第二号" localSheetId="4">[19]経費計算!#REF!</definedName>
    <definedName name="第二号" localSheetId="5">[19]経費計算!#REF!</definedName>
    <definedName name="第二号" localSheetId="6">[19]経費計算!#REF!</definedName>
    <definedName name="第二号" localSheetId="7">[19]経費計算!#REF!</definedName>
    <definedName name="第二号" localSheetId="8">[19]経費計算!#REF!</definedName>
    <definedName name="第二号" localSheetId="2">[19]経費計算!#REF!</definedName>
    <definedName name="第二号">[19]経費計算!#REF!</definedName>
    <definedName name="単位" localSheetId="4">#REF!</definedName>
    <definedName name="単位" localSheetId="5">#REF!</definedName>
    <definedName name="単位" localSheetId="6">#REF!</definedName>
    <definedName name="単位" localSheetId="7">#REF!</definedName>
    <definedName name="単位" localSheetId="8">#REF!</definedName>
    <definedName name="単位" localSheetId="2">#REF!</definedName>
    <definedName name="単位">#REF!</definedName>
    <definedName name="単位量" localSheetId="4">#REF!</definedName>
    <definedName name="単位量" localSheetId="5">#REF!</definedName>
    <definedName name="単位量" localSheetId="6">#REF!</definedName>
    <definedName name="単位量" localSheetId="7">#REF!</definedName>
    <definedName name="単位量" localSheetId="8">#REF!</definedName>
    <definedName name="単位量" localSheetId="2">#REF!</definedName>
    <definedName name="単位量">#REF!</definedName>
    <definedName name="単価" localSheetId="4">#REF!</definedName>
    <definedName name="単価" localSheetId="5">#REF!</definedName>
    <definedName name="単価" localSheetId="6">#REF!</definedName>
    <definedName name="単価" localSheetId="7">#REF!</definedName>
    <definedName name="単価" localSheetId="8">#REF!</definedName>
    <definedName name="単価" localSheetId="0">#REF!</definedName>
    <definedName name="単価" localSheetId="2">#REF!</definedName>
    <definedName name="単価">#REF!</definedName>
    <definedName name="単価コード">[94]単価コード!$B$1:$H$65536</definedName>
    <definedName name="単価一覧" localSheetId="4">#REF!</definedName>
    <definedName name="単価一覧" localSheetId="5">#REF!</definedName>
    <definedName name="単価一覧" localSheetId="6">#REF!</definedName>
    <definedName name="単価一覧" localSheetId="7">#REF!</definedName>
    <definedName name="単価一覧" localSheetId="8">#REF!</definedName>
    <definedName name="単価一覧" localSheetId="9">#REF!</definedName>
    <definedName name="単価一覧" localSheetId="2">#REF!</definedName>
    <definedName name="単価一覧">#REF!</definedName>
    <definedName name="単価一覧表">[95]単価一覧表!$A$2:$H$378</definedName>
    <definedName name="単価表">[96]単価コード表!$B$3:$L$1403</definedName>
    <definedName name="段数">[65]条件!$C$10</definedName>
    <definedName name="地質調査員" localSheetId="4">#REF!</definedName>
    <definedName name="地質調査員" localSheetId="5">#REF!</definedName>
    <definedName name="地質調査員" localSheetId="6">#REF!</definedName>
    <definedName name="地質調査員" localSheetId="7">#REF!</definedName>
    <definedName name="地質調査員" localSheetId="8">#REF!</definedName>
    <definedName name="地質調査員" localSheetId="9">#REF!</definedName>
    <definedName name="地質調査員" localSheetId="2">#REF!</definedName>
    <definedName name="地質調査員">#REF!</definedName>
    <definedName name="地質調査技師" localSheetId="4">#REF!</definedName>
    <definedName name="地質調査技師" localSheetId="5">#REF!</definedName>
    <definedName name="地質調査技師" localSheetId="6">#REF!</definedName>
    <definedName name="地質調査技師" localSheetId="7">#REF!</definedName>
    <definedName name="地質調査技師" localSheetId="8">#REF!</definedName>
    <definedName name="地質調査技師" localSheetId="2">#REF!</definedName>
    <definedName name="地質調査技師">#REF!</definedName>
    <definedName name="池数__1池式" localSheetId="4">#REF!</definedName>
    <definedName name="池数__1池式" localSheetId="5">#REF!</definedName>
    <definedName name="池数__1池式" localSheetId="6">#REF!</definedName>
    <definedName name="池数__1池式" localSheetId="7">#REF!</definedName>
    <definedName name="池数__1池式" localSheetId="8">#REF!</definedName>
    <definedName name="池数__1池式" localSheetId="2">#REF!</definedName>
    <definedName name="池数__1池式">#REF!</definedName>
    <definedName name="着水井" localSheetId="9" hidden="1">{"設定1",#N/A,FALSE,"第5号-1";"設定2",#N/A,FALSE,"第5号-1"}</definedName>
    <definedName name="着水井" hidden="1">{"設定1",#N/A,FALSE,"第5号-1";"設定2",#N/A,FALSE,"第5号-1"}</definedName>
    <definedName name="着水井機器" localSheetId="9" hidden="1">{"設定1",#N/A,FALSE,"第5号-1";"設定2",#N/A,FALSE,"第5号-1"}</definedName>
    <definedName name="着水井機器" hidden="1">{"設定1",#N/A,FALSE,"第5号-1";"設定2",#N/A,FALSE,"第5号-1"}</definedName>
    <definedName name="中部" localSheetId="4">#REF!</definedName>
    <definedName name="中部" localSheetId="5">#REF!</definedName>
    <definedName name="中部" localSheetId="6">#REF!</definedName>
    <definedName name="中部" localSheetId="7">#REF!</definedName>
    <definedName name="中部" localSheetId="8">#REF!</definedName>
    <definedName name="中部" localSheetId="9">#REF!</definedName>
    <definedName name="中部" localSheetId="2">#REF!</definedName>
    <definedName name="中部">#REF!</definedName>
    <definedName name="鋳鉄管" localSheetId="4">#REF!</definedName>
    <definedName name="鋳鉄管" localSheetId="5">#REF!</definedName>
    <definedName name="鋳鉄管" localSheetId="6">#REF!</definedName>
    <definedName name="鋳鉄管" localSheetId="7">#REF!</definedName>
    <definedName name="鋳鉄管" localSheetId="8">#REF!</definedName>
    <definedName name="鋳鉄管" localSheetId="2">#REF!</definedName>
    <definedName name="鋳鉄管">#REF!</definedName>
    <definedName name="鋳鉄管重量表" localSheetId="4">#REF!</definedName>
    <definedName name="鋳鉄管重量表" localSheetId="5">#REF!</definedName>
    <definedName name="鋳鉄管重量表" localSheetId="6">#REF!</definedName>
    <definedName name="鋳鉄管重量表" localSheetId="7">#REF!</definedName>
    <definedName name="鋳鉄管重量表" localSheetId="8">#REF!</definedName>
    <definedName name="鋳鉄管重量表" localSheetId="2">#REF!</definedName>
    <definedName name="鋳鉄管重量表">#REF!</definedName>
    <definedName name="鋳鉄管切断機500以下" localSheetId="4">#REF!</definedName>
    <definedName name="鋳鉄管切断機500以下" localSheetId="5">#REF!</definedName>
    <definedName name="鋳鉄管切断機500以下" localSheetId="6">#REF!</definedName>
    <definedName name="鋳鉄管切断機500以下" localSheetId="7">#REF!</definedName>
    <definedName name="鋳鉄管切断機500以下" localSheetId="8">#REF!</definedName>
    <definedName name="鋳鉄管切断機500以下" localSheetId="0">#REF!</definedName>
    <definedName name="鋳鉄管切断機500以下" localSheetId="2">#REF!</definedName>
    <definedName name="鋳鉄管切断機500以下">#REF!</definedName>
    <definedName name="鋳鉄管弁類" localSheetId="4">#REF!</definedName>
    <definedName name="鋳鉄管弁類" localSheetId="5">#REF!</definedName>
    <definedName name="鋳鉄管弁類" localSheetId="6">#REF!</definedName>
    <definedName name="鋳鉄管弁類" localSheetId="7">#REF!</definedName>
    <definedName name="鋳鉄管弁類" localSheetId="8">#REF!</definedName>
    <definedName name="鋳鉄管弁類" localSheetId="2">#REF!</definedName>
    <definedName name="鋳鉄管弁類">#REF!</definedName>
    <definedName name="長さ1" localSheetId="4">#REF!</definedName>
    <definedName name="長さ1" localSheetId="5">#REF!</definedName>
    <definedName name="長さ1" localSheetId="6">#REF!</definedName>
    <definedName name="長さ1" localSheetId="7">#REF!</definedName>
    <definedName name="長さ1" localSheetId="8">#REF!</definedName>
    <definedName name="長さ1" localSheetId="2">#REF!</definedName>
    <definedName name="長さ1">#REF!</definedName>
    <definedName name="直仮">[7]内訳!$A$79</definedName>
    <definedName name="直管重量" localSheetId="4">#REF!</definedName>
    <definedName name="直管重量" localSheetId="5">#REF!</definedName>
    <definedName name="直管重量" localSheetId="6">#REF!</definedName>
    <definedName name="直管重量" localSheetId="7">#REF!</definedName>
    <definedName name="直管重量" localSheetId="8">#REF!</definedName>
    <definedName name="直管重量" localSheetId="9">#REF!</definedName>
    <definedName name="直管重量" localSheetId="2">#REF!</definedName>
    <definedName name="直管重量">#REF!</definedName>
    <definedName name="直工" localSheetId="4">#REF!</definedName>
    <definedName name="直工" localSheetId="5">#REF!</definedName>
    <definedName name="直工" localSheetId="6">#REF!</definedName>
    <definedName name="直工" localSheetId="7">#REF!</definedName>
    <definedName name="直工" localSheetId="8">#REF!</definedName>
    <definedName name="直工" localSheetId="0">#REF!</definedName>
    <definedName name="直工" localSheetId="2">#REF!</definedName>
    <definedName name="直工">#REF!</definedName>
    <definedName name="直接工事費" localSheetId="4">#REF!</definedName>
    <definedName name="直接工事費" localSheetId="5">#REF!</definedName>
    <definedName name="直接工事費" localSheetId="6">#REF!</definedName>
    <definedName name="直接工事費" localSheetId="7">#REF!</definedName>
    <definedName name="直接工事費" localSheetId="8">#REF!</definedName>
    <definedName name="直接工事費" localSheetId="2">#REF!</definedName>
    <definedName name="直接工事費">#REF!</definedName>
    <definedName name="低減率" localSheetId="4">#REF!</definedName>
    <definedName name="低減率" localSheetId="5">#REF!</definedName>
    <definedName name="低減率" localSheetId="6">#REF!</definedName>
    <definedName name="低減率" localSheetId="7">#REF!</definedName>
    <definedName name="低減率" localSheetId="8">#REF!</definedName>
    <definedName name="低減率" localSheetId="2">#REF!</definedName>
    <definedName name="低減率">#REF!</definedName>
    <definedName name="提出範囲">[4]歩・屋!$B$3:$V$372</definedName>
    <definedName name="適用２" localSheetId="4">#REF!</definedName>
    <definedName name="適用２" localSheetId="5">#REF!</definedName>
    <definedName name="適用２" localSheetId="6">#REF!</definedName>
    <definedName name="適用２" localSheetId="7">#REF!</definedName>
    <definedName name="適用２" localSheetId="8">#REF!</definedName>
    <definedName name="適用２" localSheetId="9">#REF!</definedName>
    <definedName name="適用２" localSheetId="2">#REF!</definedName>
    <definedName name="適用２">#REF!</definedName>
    <definedName name="撤去" localSheetId="4">#REF!</definedName>
    <definedName name="撤去" localSheetId="5">#REF!</definedName>
    <definedName name="撤去" localSheetId="6">#REF!</definedName>
    <definedName name="撤去" localSheetId="7">#REF!</definedName>
    <definedName name="撤去" localSheetId="8">#REF!</definedName>
    <definedName name="撤去" localSheetId="2">#REF!</definedName>
    <definedName name="撤去">#REF!</definedName>
    <definedName name="鉄管" localSheetId="4">#REF!</definedName>
    <definedName name="鉄管" localSheetId="5">#REF!</definedName>
    <definedName name="鉄管" localSheetId="6">#REF!</definedName>
    <definedName name="鉄管" localSheetId="7">#REF!</definedName>
    <definedName name="鉄管" localSheetId="8">#REF!</definedName>
    <definedName name="鉄管" localSheetId="2">#REF!</definedName>
    <definedName name="鉄管">#REF!</definedName>
    <definedName name="鉄筋工" localSheetId="4">#REF!</definedName>
    <definedName name="鉄筋工" localSheetId="5">#REF!</definedName>
    <definedName name="鉄筋工" localSheetId="6">#REF!</definedName>
    <definedName name="鉄筋工" localSheetId="7">#REF!</definedName>
    <definedName name="鉄筋工" localSheetId="8">#REF!</definedName>
    <definedName name="鉄筋工" localSheetId="0">#REF!</definedName>
    <definedName name="鉄筋工" localSheetId="2">#REF!</definedName>
    <definedName name="鉄筋工">#REF!</definedName>
    <definedName name="鉄骨工" localSheetId="4">#REF!</definedName>
    <definedName name="鉄骨工" localSheetId="5">#REF!</definedName>
    <definedName name="鉄骨工" localSheetId="6">#REF!</definedName>
    <definedName name="鉄骨工" localSheetId="7">#REF!</definedName>
    <definedName name="鉄骨工" localSheetId="8">#REF!</definedName>
    <definedName name="鉄骨工" localSheetId="0">#REF!</definedName>
    <definedName name="鉄骨工" localSheetId="2">#REF!</definedName>
    <definedName name="鉄骨工">#REF!</definedName>
    <definedName name="田端" localSheetId="4">#REF!</definedName>
    <definedName name="田端" localSheetId="5">#REF!</definedName>
    <definedName name="田端" localSheetId="6">#REF!</definedName>
    <definedName name="田端" localSheetId="7">#REF!</definedName>
    <definedName name="田端" localSheetId="8">#REF!</definedName>
    <definedName name="田端" localSheetId="2">#REF!</definedName>
    <definedName name="田端">#REF!</definedName>
    <definedName name="電気" localSheetId="9" hidden="1">{"設定1",#N/A,FALSE,"第5号-1";"設定2",#N/A,FALSE,"第5号-1"}</definedName>
    <definedName name="電気">[97]Ⅶ電気!$B$1</definedName>
    <definedName name="電気①" localSheetId="4">#REF!</definedName>
    <definedName name="電気①" localSheetId="5">#REF!</definedName>
    <definedName name="電気①" localSheetId="6">#REF!</definedName>
    <definedName name="電気①" localSheetId="7">#REF!</definedName>
    <definedName name="電気①" localSheetId="8">#REF!</definedName>
    <definedName name="電気①" localSheetId="9">#REF!</definedName>
    <definedName name="電気①" localSheetId="2">#REF!</definedName>
    <definedName name="電気①">#REF!</definedName>
    <definedName name="電気②" localSheetId="4" hidden="1">#REF!</definedName>
    <definedName name="電気②" localSheetId="5" hidden="1">#REF!</definedName>
    <definedName name="電気②" localSheetId="6" hidden="1">#REF!</definedName>
    <definedName name="電気②" localSheetId="7" hidden="1">#REF!</definedName>
    <definedName name="電気②" localSheetId="8" hidden="1">#REF!</definedName>
    <definedName name="電気②" localSheetId="2" hidden="1">#REF!</definedName>
    <definedName name="電気②" hidden="1">#REF!</definedName>
    <definedName name="電気一般率表" localSheetId="4">#REF!</definedName>
    <definedName name="電気一般率表" localSheetId="5">#REF!</definedName>
    <definedName name="電気一般率表" localSheetId="6">#REF!</definedName>
    <definedName name="電気一般率表" localSheetId="7">#REF!</definedName>
    <definedName name="電気一般率表" localSheetId="8">#REF!</definedName>
    <definedName name="電気一般率表" localSheetId="2">#REF!</definedName>
    <definedName name="電気一般率表">#REF!</definedName>
    <definedName name="電気温水器">[4]歩・屋!$W$9</definedName>
    <definedName name="電気温水器B">[4]歩・屋!$W$9</definedName>
    <definedName name="電気仮設改率表" localSheetId="4">#REF!</definedName>
    <definedName name="電気仮設改率表" localSheetId="5">#REF!</definedName>
    <definedName name="電気仮設改率表" localSheetId="6">#REF!</definedName>
    <definedName name="電気仮設改率表" localSheetId="7">#REF!</definedName>
    <definedName name="電気仮設改率表" localSheetId="8">#REF!</definedName>
    <definedName name="電気仮設改率表" localSheetId="9">#REF!</definedName>
    <definedName name="電気仮設改率表" localSheetId="2">#REF!</definedName>
    <definedName name="電気仮設改率表">#REF!</definedName>
    <definedName name="電気仮設新率表" localSheetId="4">#REF!</definedName>
    <definedName name="電気仮設新率表" localSheetId="5">#REF!</definedName>
    <definedName name="電気仮設新率表" localSheetId="6">#REF!</definedName>
    <definedName name="電気仮設新率表" localSheetId="7">#REF!</definedName>
    <definedName name="電気仮設新率表" localSheetId="8">#REF!</definedName>
    <definedName name="電気仮設新率表" localSheetId="2">#REF!</definedName>
    <definedName name="電気仮設新率表">#REF!</definedName>
    <definedName name="電気現場改率表" localSheetId="4">#REF!</definedName>
    <definedName name="電気現場改率表" localSheetId="5">#REF!</definedName>
    <definedName name="電気現場改率表" localSheetId="6">#REF!</definedName>
    <definedName name="電気現場改率表" localSheetId="7">#REF!</definedName>
    <definedName name="電気現場改率表" localSheetId="8">#REF!</definedName>
    <definedName name="電気現場改率表" localSheetId="2">#REF!</definedName>
    <definedName name="電気現場改率表">#REF!</definedName>
    <definedName name="電気現場新率表" localSheetId="4">#REF!</definedName>
    <definedName name="電気現場新率表" localSheetId="5">#REF!</definedName>
    <definedName name="電気現場新率表" localSheetId="6">#REF!</definedName>
    <definedName name="電気現場新率表" localSheetId="7">#REF!</definedName>
    <definedName name="電気現場新率表" localSheetId="8">#REF!</definedName>
    <definedName name="電気現場新率表" localSheetId="2">#REF!</definedName>
    <definedName name="電気現場新率表">#REF!</definedName>
    <definedName name="電気材料" localSheetId="4">[19]経費計算!#REF!</definedName>
    <definedName name="電気材料" localSheetId="5">[19]経費計算!#REF!</definedName>
    <definedName name="電気材料" localSheetId="6">[19]経費計算!#REF!</definedName>
    <definedName name="電気材料" localSheetId="7">[19]経費計算!#REF!</definedName>
    <definedName name="電気材料" localSheetId="8">[19]経費計算!#REF!</definedName>
    <definedName name="電気材料" localSheetId="2">[19]経費計算!#REF!</definedName>
    <definedName name="電気材料">[19]経費計算!#REF!</definedName>
    <definedName name="電気材料①" localSheetId="4">[19]経費計算!#REF!</definedName>
    <definedName name="電気材料①" localSheetId="5">[19]経費計算!#REF!</definedName>
    <definedName name="電気材料①" localSheetId="6">[19]経費計算!#REF!</definedName>
    <definedName name="電気材料①" localSheetId="7">[19]経費計算!#REF!</definedName>
    <definedName name="電気材料①" localSheetId="8">[19]経費計算!#REF!</definedName>
    <definedName name="電気材料①" localSheetId="2">[19]経費計算!#REF!</definedName>
    <definedName name="電気材料①">[19]経費計算!#REF!</definedName>
    <definedName name="電気材料③" localSheetId="4">[19]経費計算!#REF!</definedName>
    <definedName name="電気材料③" localSheetId="5">[19]経費計算!#REF!</definedName>
    <definedName name="電気材料③" localSheetId="6">[19]経費計算!#REF!</definedName>
    <definedName name="電気材料③" localSheetId="7">[19]経費計算!#REF!</definedName>
    <definedName name="電気材料③" localSheetId="8">[19]経費計算!#REF!</definedName>
    <definedName name="電気材料③" localSheetId="2">[19]経費計算!#REF!</definedName>
    <definedName name="電気材料③">[19]経費計算!#REF!</definedName>
    <definedName name="電気代価" localSheetId="9">[98]単価根拠!$U$56</definedName>
    <definedName name="電気代価">[99]単価根拠!$U$56</definedName>
    <definedName name="電気労務" localSheetId="9" hidden="1">{"設定1",#N/A,FALSE,"第5号-1";"設定2",#N/A,FALSE,"第5号-1"}</definedName>
    <definedName name="電気労務" hidden="1">{"設定1",#N/A,FALSE,"第5号-1";"設定2",#N/A,FALSE,"第5号-1"}</definedName>
    <definedName name="電気労務費" localSheetId="9" hidden="1">{"設定1",#N/A,FALSE,"第5号-1";"設定2",#N/A,FALSE,"第5号-1"}</definedName>
    <definedName name="電気労務費" hidden="1">{"設定1",#N/A,FALSE,"第5号-1";"設定2",#N/A,FALSE,"第5号-1"}</definedName>
    <definedName name="電極" localSheetId="4">[100]!ピクチャ5_Click</definedName>
    <definedName name="電極" localSheetId="5">[100]!ピクチャ5_Click</definedName>
    <definedName name="電極" localSheetId="6">[100]!ピクチャ5_Click</definedName>
    <definedName name="電極" localSheetId="7">[100]!ピクチャ5_Click</definedName>
    <definedName name="電極" localSheetId="8">[100]!ピクチャ5_Click</definedName>
    <definedName name="電極" localSheetId="2">[100]!ピクチャ5_Click</definedName>
    <definedName name="電極">[100]!ピクチャ5_Click</definedName>
    <definedName name="電工" localSheetId="4">#REF!</definedName>
    <definedName name="電工" localSheetId="5">#REF!</definedName>
    <definedName name="電工" localSheetId="6">#REF!</definedName>
    <definedName name="電工" localSheetId="7">#REF!</definedName>
    <definedName name="電工" localSheetId="8">#REF!</definedName>
    <definedName name="電工" localSheetId="0">#REF!</definedName>
    <definedName name="電工" localSheetId="2">#REF!</definedName>
    <definedName name="電工">#REF!</definedName>
    <definedName name="電工1" localSheetId="4">[29]ｹｰﾌﾞﾙ計!#REF!</definedName>
    <definedName name="電工1" localSheetId="5">[29]ｹｰﾌﾞﾙ計!#REF!</definedName>
    <definedName name="電工1" localSheetId="6">[29]ｹｰﾌﾞﾙ計!#REF!</definedName>
    <definedName name="電工1" localSheetId="7">[29]ｹｰﾌﾞﾙ計!#REF!</definedName>
    <definedName name="電工1" localSheetId="8">[29]ｹｰﾌﾞﾙ計!#REF!</definedName>
    <definedName name="電工1" localSheetId="9">[30]ｹｰﾌﾞﾙ計!#REF!</definedName>
    <definedName name="電工1" localSheetId="2">[29]ｹｰﾌﾞﾙ計!#REF!</definedName>
    <definedName name="電工1">[29]ｹｰﾌﾞﾙ計!#REF!</definedName>
    <definedName name="電線管埋設" localSheetId="4">#REF!</definedName>
    <definedName name="電線管埋設" localSheetId="5">#REF!</definedName>
    <definedName name="電線管埋設" localSheetId="6">#REF!</definedName>
    <definedName name="電線管埋設" localSheetId="7">#REF!</definedName>
    <definedName name="電線管埋設" localSheetId="8">#REF!</definedName>
    <definedName name="電線管埋設" localSheetId="9">#REF!</definedName>
    <definedName name="電線管埋設" localSheetId="2">#REF!</definedName>
    <definedName name="電線管埋設">#REF!</definedName>
    <definedName name="電線管類" localSheetId="4">#REF!</definedName>
    <definedName name="電線管類" localSheetId="5">#REF!</definedName>
    <definedName name="電線管類" localSheetId="6">#REF!</definedName>
    <definedName name="電線管類" localSheetId="7">#REF!</definedName>
    <definedName name="電線管類" localSheetId="8">#REF!</definedName>
    <definedName name="電線管類" localSheetId="0">#REF!</definedName>
    <definedName name="電線管類" localSheetId="2">#REF!</definedName>
    <definedName name="電線管類">#REF!</definedName>
    <definedName name="電柱基礎" localSheetId="4">#REF!</definedName>
    <definedName name="電柱基礎" localSheetId="5">#REF!</definedName>
    <definedName name="電柱基礎" localSheetId="6">#REF!</definedName>
    <definedName name="電柱基礎" localSheetId="7">#REF!</definedName>
    <definedName name="電柱基礎" localSheetId="8">#REF!</definedName>
    <definedName name="電柱基礎" localSheetId="2">#REF!</definedName>
    <definedName name="電柱基礎">#REF!</definedName>
    <definedName name="電力量" localSheetId="4">#REF!</definedName>
    <definedName name="電力量" localSheetId="5">#REF!</definedName>
    <definedName name="電力量" localSheetId="6">#REF!</definedName>
    <definedName name="電力量" localSheetId="7">#REF!</definedName>
    <definedName name="電力量" localSheetId="8">#REF!</definedName>
    <definedName name="電力量" localSheetId="2">#REF!</definedName>
    <definedName name="電力量">#REF!</definedName>
    <definedName name="吐" localSheetId="4">[61]内訳!#REF!</definedName>
    <definedName name="吐" localSheetId="5">[61]内訳!#REF!</definedName>
    <definedName name="吐" localSheetId="6">[61]内訳!#REF!</definedName>
    <definedName name="吐" localSheetId="7">[61]内訳!#REF!</definedName>
    <definedName name="吐" localSheetId="8">[61]内訳!#REF!</definedName>
    <definedName name="吐" localSheetId="2">[61]内訳!#REF!</definedName>
    <definedName name="吐">[61]内訳!#REF!</definedName>
    <definedName name="吐１" localSheetId="4">[61]内訳!#REF!</definedName>
    <definedName name="吐１" localSheetId="5">[61]内訳!#REF!</definedName>
    <definedName name="吐１" localSheetId="6">[61]内訳!#REF!</definedName>
    <definedName name="吐１" localSheetId="7">[61]内訳!#REF!</definedName>
    <definedName name="吐１" localSheetId="8">[61]内訳!#REF!</definedName>
    <definedName name="吐１" localSheetId="2">[61]内訳!#REF!</definedName>
    <definedName name="吐１">[61]内訳!#REF!</definedName>
    <definedName name="吐出" localSheetId="4">[61]内訳!#REF!</definedName>
    <definedName name="吐出" localSheetId="5">[61]内訳!#REF!</definedName>
    <definedName name="吐出" localSheetId="6">[61]内訳!#REF!</definedName>
    <definedName name="吐出" localSheetId="7">[61]内訳!#REF!</definedName>
    <definedName name="吐出" localSheetId="8">[61]内訳!#REF!</definedName>
    <definedName name="吐出" localSheetId="2">[61]内訳!#REF!</definedName>
    <definedName name="吐出">[61]内訳!#REF!</definedName>
    <definedName name="吐出弁" localSheetId="4">[61]内訳!#REF!</definedName>
    <definedName name="吐出弁" localSheetId="5">[61]内訳!#REF!</definedName>
    <definedName name="吐出弁" localSheetId="6">[61]内訳!#REF!</definedName>
    <definedName name="吐出弁" localSheetId="7">[61]内訳!#REF!</definedName>
    <definedName name="吐出弁" localSheetId="8">[61]内訳!#REF!</definedName>
    <definedName name="吐出弁" localSheetId="2">[61]内訳!#REF!</definedName>
    <definedName name="吐出弁">[61]内訳!#REF!</definedName>
    <definedName name="塗装" localSheetId="4">#REF!</definedName>
    <definedName name="塗装" localSheetId="5">#REF!</definedName>
    <definedName name="塗装" localSheetId="6">#REF!</definedName>
    <definedName name="塗装" localSheetId="7">#REF!</definedName>
    <definedName name="塗装" localSheetId="8">#REF!</definedName>
    <definedName name="塗装" localSheetId="9">#REF!</definedName>
    <definedName name="塗装" localSheetId="2">#REF!</definedName>
    <definedName name="塗装">#REF!</definedName>
    <definedName name="塗装・被覆工" localSheetId="4">#REF!</definedName>
    <definedName name="塗装・被覆工" localSheetId="5">#REF!</definedName>
    <definedName name="塗装・被覆工" localSheetId="6">#REF!</definedName>
    <definedName name="塗装・被覆工" localSheetId="7">#REF!</definedName>
    <definedName name="塗装・被覆工" localSheetId="8">#REF!</definedName>
    <definedName name="塗装・被覆工" localSheetId="2">#REF!</definedName>
    <definedName name="塗装・被覆工">#REF!</definedName>
    <definedName name="塗装工" localSheetId="4">#REF!</definedName>
    <definedName name="塗装工" localSheetId="5">#REF!</definedName>
    <definedName name="塗装工" localSheetId="6">#REF!</definedName>
    <definedName name="塗装工" localSheetId="7">#REF!</definedName>
    <definedName name="塗装工" localSheetId="8">#REF!</definedName>
    <definedName name="塗装工" localSheetId="0">#REF!</definedName>
    <definedName name="塗装工" localSheetId="2">#REF!</definedName>
    <definedName name="塗装工">#REF!</definedName>
    <definedName name="塗装費" localSheetId="4">#REF!</definedName>
    <definedName name="塗装費" localSheetId="5">#REF!</definedName>
    <definedName name="塗装費" localSheetId="6">#REF!</definedName>
    <definedName name="塗装費" localSheetId="7">#REF!</definedName>
    <definedName name="塗装費" localSheetId="8">#REF!</definedName>
    <definedName name="塗装費" localSheetId="2">#REF!</definedName>
    <definedName name="塗装費">#REF!</definedName>
    <definedName name="都道府県">'[22]入力データ(H27用シート連動）'!$C$2:$C$9</definedName>
    <definedName name="土工" localSheetId="9">[85]工事費内訳表!$H$11</definedName>
    <definedName name="土工">[86]工事費内訳表!$H$11</definedName>
    <definedName name="土木一般世話役" localSheetId="4">#REF!</definedName>
    <definedName name="土木一般世話役" localSheetId="5">#REF!</definedName>
    <definedName name="土木一般世話役" localSheetId="6">#REF!</definedName>
    <definedName name="土木一般世話役" localSheetId="7">#REF!</definedName>
    <definedName name="土木一般世話役" localSheetId="8">#REF!</definedName>
    <definedName name="土木一般世話役" localSheetId="2">#REF!</definedName>
    <definedName name="土木一般世話役">#REF!</definedName>
    <definedName name="土木世話役" localSheetId="4">#REF!</definedName>
    <definedName name="土木世話役" localSheetId="5">#REF!</definedName>
    <definedName name="土木世話役" localSheetId="6">#REF!</definedName>
    <definedName name="土木世話役" localSheetId="7">#REF!</definedName>
    <definedName name="土木世話役" localSheetId="8">#REF!</definedName>
    <definedName name="土木世話役" localSheetId="0">#REF!</definedName>
    <definedName name="土木世話役" localSheetId="2">#REF!</definedName>
    <definedName name="土木世話役">#REF!</definedName>
    <definedName name="土留工" localSheetId="4">#REF!</definedName>
    <definedName name="土留工" localSheetId="5">#REF!</definedName>
    <definedName name="土留工" localSheetId="6">#REF!</definedName>
    <definedName name="土留工" localSheetId="7">#REF!</definedName>
    <definedName name="土留工" localSheetId="8">#REF!</definedName>
    <definedName name="土留工" localSheetId="2">#REF!</definedName>
    <definedName name="土留工">#REF!</definedName>
    <definedName name="土量計算書" localSheetId="4">[55]表紙!#REF!</definedName>
    <definedName name="土量計算書" localSheetId="5">[55]表紙!#REF!</definedName>
    <definedName name="土量計算書" localSheetId="6">[55]表紙!#REF!</definedName>
    <definedName name="土量計算書" localSheetId="7">[55]表紙!#REF!</definedName>
    <definedName name="土量計算書" localSheetId="8">[55]表紙!#REF!</definedName>
    <definedName name="土量計算書" localSheetId="2">[55]表紙!#REF!</definedName>
    <definedName name="土量計算書">[55]表紙!#REF!</definedName>
    <definedName name="東海" localSheetId="4">#REF!</definedName>
    <definedName name="東海" localSheetId="5">#REF!</definedName>
    <definedName name="東海" localSheetId="6">#REF!</definedName>
    <definedName name="東海" localSheetId="7">#REF!</definedName>
    <definedName name="東海" localSheetId="8">#REF!</definedName>
    <definedName name="東海" localSheetId="9">#REF!</definedName>
    <definedName name="東海" localSheetId="2">#REF!</definedName>
    <definedName name="東海">#REF!</definedName>
    <definedName name="湯ノ谷印刷" localSheetId="4">[101]!湯ノ谷印刷</definedName>
    <definedName name="湯ノ谷印刷" localSheetId="5">[101]!湯ノ谷印刷</definedName>
    <definedName name="湯ノ谷印刷" localSheetId="6">[101]!湯ノ谷印刷</definedName>
    <definedName name="湯ノ谷印刷" localSheetId="7">[101]!湯ノ谷印刷</definedName>
    <definedName name="湯ノ谷印刷" localSheetId="8">[101]!湯ノ谷印刷</definedName>
    <definedName name="湯ノ谷印刷" localSheetId="2">[101]!湯ノ谷印刷</definedName>
    <definedName name="湯ノ谷印刷">[101]!湯ノ谷印刷</definedName>
    <definedName name="当り" localSheetId="4">#REF!</definedName>
    <definedName name="当り" localSheetId="5">#REF!</definedName>
    <definedName name="当り" localSheetId="6">#REF!</definedName>
    <definedName name="当り" localSheetId="7">#REF!</definedName>
    <definedName name="当り" localSheetId="8">#REF!</definedName>
    <definedName name="当り" localSheetId="9">#REF!</definedName>
    <definedName name="当り" localSheetId="2">#REF!</definedName>
    <definedName name="当り">#REF!</definedName>
    <definedName name="頭２" hidden="1">{#N/A,#N/A,FALSE,"Sheet16";#N/A,#N/A,FALSE,"Sheet16"}</definedName>
    <definedName name="頭出しA" localSheetId="4">[102]修正履歴!#REF!</definedName>
    <definedName name="頭出しA" localSheetId="5">[102]修正履歴!#REF!</definedName>
    <definedName name="頭出しA" localSheetId="6">[102]修正履歴!#REF!</definedName>
    <definedName name="頭出しA" localSheetId="7">[102]修正履歴!#REF!</definedName>
    <definedName name="頭出しA" localSheetId="8">[102]修正履歴!#REF!</definedName>
    <definedName name="頭出しA" localSheetId="9">[102]修正履歴!#REF!</definedName>
    <definedName name="頭出しA" localSheetId="2">[102]修正履歴!#REF!</definedName>
    <definedName name="頭出しA">[102]修正履歴!#REF!</definedName>
    <definedName name="動力費" localSheetId="4">#REF!</definedName>
    <definedName name="動力費" localSheetId="5">#REF!</definedName>
    <definedName name="動力費" localSheetId="6">#REF!</definedName>
    <definedName name="動力費" localSheetId="7">#REF!</definedName>
    <definedName name="動力費" localSheetId="8">#REF!</definedName>
    <definedName name="動力費" localSheetId="9">#REF!</definedName>
    <definedName name="動力費" localSheetId="2">#REF!</definedName>
    <definedName name="動力費">#REF!</definedName>
    <definedName name="特殊運転手" localSheetId="4">#REF!</definedName>
    <definedName name="特殊運転手" localSheetId="5">#REF!</definedName>
    <definedName name="特殊運転手" localSheetId="6">#REF!</definedName>
    <definedName name="特殊運転手" localSheetId="7">#REF!</definedName>
    <definedName name="特殊運転手" localSheetId="8">#REF!</definedName>
    <definedName name="特殊運転手" localSheetId="0">#REF!</definedName>
    <definedName name="特殊運転手" localSheetId="2">#REF!</definedName>
    <definedName name="特殊運転手">#REF!</definedName>
    <definedName name="特殊作業員" localSheetId="4">#REF!</definedName>
    <definedName name="特殊作業員" localSheetId="5">#REF!</definedName>
    <definedName name="特殊作業員" localSheetId="6">#REF!</definedName>
    <definedName name="特殊作業員" localSheetId="7">#REF!</definedName>
    <definedName name="特殊作業員" localSheetId="8">#REF!</definedName>
    <definedName name="特殊作業員" localSheetId="0">#REF!</definedName>
    <definedName name="特殊作業員" localSheetId="2">#REF!</definedName>
    <definedName name="特殊作業員">#REF!</definedName>
    <definedName name="特別仮設工事" hidden="1">{#N/A,#N/A,FALSE,"Sheet16";#N/A,#N/A,FALSE,"Sheet16"}</definedName>
    <definedName name="内屋根">[7]内訳!$A$153</definedName>
    <definedName name="内外構">[7]内訳!$A$361</definedName>
    <definedName name="内躯体">[7]内訳!$A$56</definedName>
    <definedName name="内装工" localSheetId="4">#REF!</definedName>
    <definedName name="内装工" localSheetId="5">#REF!</definedName>
    <definedName name="内装工" localSheetId="6">#REF!</definedName>
    <definedName name="内装工" localSheetId="7">#REF!</definedName>
    <definedName name="内装工" localSheetId="8">#REF!</definedName>
    <definedName name="内装工" localSheetId="9">#REF!</definedName>
    <definedName name="内装工" localSheetId="2">#REF!</definedName>
    <definedName name="内装工">#REF!</definedName>
    <definedName name="内部給排1" localSheetId="4">[103]外部改修工事!#REF!</definedName>
    <definedName name="内部給排1" localSheetId="5">[103]外部改修工事!#REF!</definedName>
    <definedName name="内部給排1" localSheetId="6">[103]外部改修工事!#REF!</definedName>
    <definedName name="内部給排1" localSheetId="7">[103]外部改修工事!#REF!</definedName>
    <definedName name="内部給排1" localSheetId="8">[103]外部改修工事!#REF!</definedName>
    <definedName name="内部給排1" localSheetId="9">[103]外部改修工事!#REF!</definedName>
    <definedName name="内部給排1" localSheetId="2">[103]外部改修工事!#REF!</definedName>
    <definedName name="内部給排1">[103]外部改修工事!#REF!</definedName>
    <definedName name="内部給排2" localSheetId="4">[103]外部改修工事!#REF!</definedName>
    <definedName name="内部給排2" localSheetId="5">[103]外部改修工事!#REF!</definedName>
    <definedName name="内部給排2" localSheetId="6">[103]外部改修工事!#REF!</definedName>
    <definedName name="内部給排2" localSheetId="7">[103]外部改修工事!#REF!</definedName>
    <definedName name="内部給排2" localSheetId="8">[103]外部改修工事!#REF!</definedName>
    <definedName name="内部給排2" localSheetId="9">[103]外部改修工事!#REF!</definedName>
    <definedName name="内部給排2" localSheetId="2">[103]外部改修工事!#REF!</definedName>
    <definedName name="内部給排2">[103]外部改修工事!#REF!</definedName>
    <definedName name="内部給排3" localSheetId="4">[103]外部改修工事!#REF!</definedName>
    <definedName name="内部給排3" localSheetId="5">[103]外部改修工事!#REF!</definedName>
    <definedName name="内部給排3" localSheetId="6">[103]外部改修工事!#REF!</definedName>
    <definedName name="内部給排3" localSheetId="7">[103]外部改修工事!#REF!</definedName>
    <definedName name="内部給排3" localSheetId="8">[103]外部改修工事!#REF!</definedName>
    <definedName name="内部給排3" localSheetId="2">[103]外部改修工事!#REF!</definedName>
    <definedName name="内部給排3">[103]外部改修工事!#REF!</definedName>
    <definedName name="内部建具">[7]内部!$A$1</definedName>
    <definedName name="内部雑">[7]内訳!$A$316</definedName>
    <definedName name="内訳" localSheetId="4">[104]表紙!#REF!</definedName>
    <definedName name="内訳" localSheetId="5">[104]表紙!#REF!</definedName>
    <definedName name="内訳" localSheetId="6">[104]表紙!#REF!</definedName>
    <definedName name="内訳" localSheetId="7">[104]表紙!#REF!</definedName>
    <definedName name="内訳" localSheetId="8">[104]表紙!#REF!</definedName>
    <definedName name="内訳" localSheetId="9" hidden="1">{"設定1",#N/A,FALSE,"第5号-1";"設定2",#N/A,FALSE,"第5号-1"}</definedName>
    <definedName name="内訳" localSheetId="2">[104]表紙!#REF!</definedName>
    <definedName name="内訳">[104]表紙!#REF!</definedName>
    <definedName name="内訳1" localSheetId="9" hidden="1">{"設定1",#N/A,FALSE,"第5号-1";"設定2",#N/A,FALSE,"第5号-1"}</definedName>
    <definedName name="内訳1" hidden="1">{"設定1",#N/A,FALSE,"第5号-1";"設定2",#N/A,FALSE,"第5号-1"}</definedName>
    <definedName name="内訳2" localSheetId="4">[105]内訳!#REF!</definedName>
    <definedName name="内訳2" localSheetId="5">[105]内訳!#REF!</definedName>
    <definedName name="内訳2" localSheetId="6">[105]内訳!#REF!</definedName>
    <definedName name="内訳2" localSheetId="7">[105]内訳!#REF!</definedName>
    <definedName name="内訳2" localSheetId="8">[105]内訳!#REF!</definedName>
    <definedName name="内訳2" localSheetId="9">[106]内訳!#REF!</definedName>
    <definedName name="内訳2" localSheetId="2">[105]内訳!#REF!</definedName>
    <definedName name="内訳2">[105]内訳!#REF!</definedName>
    <definedName name="内訳一覧" localSheetId="4">#REF!</definedName>
    <definedName name="内訳一覧" localSheetId="5">#REF!</definedName>
    <definedName name="内訳一覧" localSheetId="6">#REF!</definedName>
    <definedName name="内訳一覧" localSheetId="7">#REF!</definedName>
    <definedName name="内訳一覧" localSheetId="8">#REF!</definedName>
    <definedName name="内訳一覧" localSheetId="0">#REF!</definedName>
    <definedName name="内訳一覧" localSheetId="2">#REF!</definedName>
    <definedName name="内訳一覧">#REF!</definedName>
    <definedName name="内訳書" localSheetId="4">[107]別紙内訳!#REF!</definedName>
    <definedName name="内訳書" localSheetId="5">[107]別紙内訳!#REF!</definedName>
    <definedName name="内訳書" localSheetId="6">[107]別紙内訳!#REF!</definedName>
    <definedName name="内訳書" localSheetId="7">[107]別紙内訳!#REF!</definedName>
    <definedName name="内訳書" localSheetId="8">[107]別紙内訳!#REF!</definedName>
    <definedName name="内訳書" localSheetId="9" hidden="1">{"設定1",#N/A,FALSE,"第5号-1";"設定2",#N/A,FALSE,"第5号-1"}</definedName>
    <definedName name="内訳書" localSheetId="2">[107]別紙内訳!#REF!</definedName>
    <definedName name="内訳書">[107]別紙内訳!#REF!</definedName>
    <definedName name="二次" localSheetId="4">#REF!</definedName>
    <definedName name="二次" localSheetId="5">#REF!</definedName>
    <definedName name="二次" localSheetId="6">#REF!</definedName>
    <definedName name="二次" localSheetId="7">#REF!</definedName>
    <definedName name="二次" localSheetId="8">#REF!</definedName>
    <definedName name="二次" localSheetId="0">#REF!</definedName>
    <definedName name="二次" localSheetId="2">#REF!</definedName>
    <definedName name="二次">#REF!</definedName>
    <definedName name="日平均" localSheetId="4">#REF!</definedName>
    <definedName name="日平均" localSheetId="5">#REF!</definedName>
    <definedName name="日平均" localSheetId="6">#REF!</definedName>
    <definedName name="日平均" localSheetId="7">#REF!</definedName>
    <definedName name="日平均" localSheetId="8">#REF!</definedName>
    <definedName name="日平均" localSheetId="2">#REF!</definedName>
    <definedName name="日平均">#REF!</definedName>
    <definedName name="入力" localSheetId="4">#REF!</definedName>
    <definedName name="入力" localSheetId="5">#REF!</definedName>
    <definedName name="入力" localSheetId="6">#REF!</definedName>
    <definedName name="入力" localSheetId="7">#REF!</definedName>
    <definedName name="入力" localSheetId="8">#REF!</definedName>
    <definedName name="入力" localSheetId="2">#REF!</definedName>
    <definedName name="入力">#REF!</definedName>
    <definedName name="入力項目印刷" localSheetId="4">#REF!</definedName>
    <definedName name="入力項目印刷" localSheetId="5">#REF!</definedName>
    <definedName name="入力項目印刷" localSheetId="6">#REF!</definedName>
    <definedName name="入力項目印刷" localSheetId="7">#REF!</definedName>
    <definedName name="入力項目印刷" localSheetId="8">#REF!</definedName>
    <definedName name="入力項目印刷" localSheetId="2">#REF!</definedName>
    <definedName name="入力項目印刷">#REF!</definedName>
    <definedName name="入力項目表印刷" localSheetId="4">#REF!</definedName>
    <definedName name="入力項目表印刷" localSheetId="5">#REF!</definedName>
    <definedName name="入力項目表印刷" localSheetId="6">#REF!</definedName>
    <definedName name="入力項目表印刷" localSheetId="7">#REF!</definedName>
    <definedName name="入力項目表印刷" localSheetId="8">#REF!</definedName>
    <definedName name="入力項目表印刷" localSheetId="2">#REF!</definedName>
    <definedName name="入力項目表印刷">#REF!</definedName>
    <definedName name="廃材処分費" localSheetId="4">#REF!</definedName>
    <definedName name="廃材処分費" localSheetId="5">#REF!</definedName>
    <definedName name="廃材処分費" localSheetId="6">#REF!</definedName>
    <definedName name="廃材処分費" localSheetId="7">#REF!</definedName>
    <definedName name="廃材処分費" localSheetId="8">#REF!</definedName>
    <definedName name="廃材処分費" localSheetId="0">#REF!</definedName>
    <definedName name="廃材処分費" localSheetId="2">#REF!</definedName>
    <definedName name="廃材処分費">#REF!</definedName>
    <definedName name="排水" localSheetId="9">[108]排水器具・ﾄﾗｯﾌﾟ!$V$50:$AC$70</definedName>
    <definedName name="排水">[109]排水器具・ﾄﾗｯﾌﾟ!$V$50:$AC$70</definedName>
    <definedName name="排水PS" localSheetId="4">#REF!</definedName>
    <definedName name="排水PS" localSheetId="5">#REF!</definedName>
    <definedName name="排水PS" localSheetId="6">#REF!</definedName>
    <definedName name="排水PS" localSheetId="7">#REF!</definedName>
    <definedName name="排水PS" localSheetId="8">#REF!</definedName>
    <definedName name="排水PS" localSheetId="9">#REF!</definedName>
    <definedName name="排水PS" localSheetId="2">#REF!</definedName>
    <definedName name="排水PS">#REF!</definedName>
    <definedName name="排水器具･ﾄﾗｯﾌﾟ等" localSheetId="9">[108]排水器具・ﾄﾗｯﾌﾟ!$V$50:$AC$70</definedName>
    <definedName name="排水器具･ﾄﾗｯﾌﾟ等">[109]排水器具・ﾄﾗｯﾌﾟ!$V$50:$AC$70</definedName>
    <definedName name="配管工" localSheetId="4">#REF!</definedName>
    <definedName name="配管工" localSheetId="5">#REF!</definedName>
    <definedName name="配管工" localSheetId="6">#REF!</definedName>
    <definedName name="配管工" localSheetId="7">#REF!</definedName>
    <definedName name="配管工" localSheetId="8">#REF!</definedName>
    <definedName name="配管工" localSheetId="0">#REF!</definedName>
    <definedName name="配管工" localSheetId="2">#REF!</definedName>
    <definedName name="配管工">#REF!</definedName>
    <definedName name="配線器具" localSheetId="4">#REF!</definedName>
    <definedName name="配線器具" localSheetId="5">#REF!</definedName>
    <definedName name="配線器具" localSheetId="6">#REF!</definedName>
    <definedName name="配線器具" localSheetId="7">#REF!</definedName>
    <definedName name="配線器具" localSheetId="8">#REF!</definedName>
    <definedName name="配線器具" localSheetId="2">#REF!</definedName>
    <definedName name="配線器具">#REF!</definedName>
    <definedName name="配線材料" localSheetId="9" hidden="1">{"設定1",#N/A,FALSE,"第5号-1";"設定2",#N/A,FALSE,"第5号-1"}</definedName>
    <definedName name="配線材料" hidden="1">{"設定1",#N/A,FALSE,"第5号-1";"設定2",#N/A,FALSE,"第5号-1"}</definedName>
    <definedName name="剥離剤" localSheetId="4">#REF!</definedName>
    <definedName name="剥離剤" localSheetId="5">#REF!</definedName>
    <definedName name="剥離剤" localSheetId="6">#REF!</definedName>
    <definedName name="剥離剤" localSheetId="7">#REF!</definedName>
    <definedName name="剥離剤" localSheetId="8">#REF!</definedName>
    <definedName name="剥離剤" localSheetId="0">#REF!</definedName>
    <definedName name="剥離剤" localSheetId="2">#REF!</definedName>
    <definedName name="剥離剤">#REF!</definedName>
    <definedName name="泊まり人件費" localSheetId="4">#REF!</definedName>
    <definedName name="泊まり人件費" localSheetId="5">#REF!</definedName>
    <definedName name="泊まり人件費" localSheetId="6">#REF!</definedName>
    <definedName name="泊まり人件費" localSheetId="7">#REF!</definedName>
    <definedName name="泊まり人件費" localSheetId="8">#REF!</definedName>
    <definedName name="泊まり人件費" localSheetId="2">#REF!</definedName>
    <definedName name="泊まり人件費">#REF!</definedName>
    <definedName name="八戸北2_PAC" localSheetId="4">#REF!</definedName>
    <definedName name="八戸北2_PAC" localSheetId="5">#REF!</definedName>
    <definedName name="八戸北2_PAC" localSheetId="6">#REF!</definedName>
    <definedName name="八戸北2_PAC" localSheetId="7">#REF!</definedName>
    <definedName name="八戸北2_PAC" localSheetId="8">#REF!</definedName>
    <definedName name="八戸北2_PAC" localSheetId="2">#REF!</definedName>
    <definedName name="八戸北2_PAC">#REF!</definedName>
    <definedName name="搬送現場率表" localSheetId="4">#REF!</definedName>
    <definedName name="搬送現場率表" localSheetId="5">#REF!</definedName>
    <definedName name="搬送現場率表" localSheetId="6">#REF!</definedName>
    <definedName name="搬送現場率表" localSheetId="7">#REF!</definedName>
    <definedName name="搬送現場率表" localSheetId="8">#REF!</definedName>
    <definedName name="搬送現場率表" localSheetId="2">#REF!</definedName>
    <definedName name="搬送現場率表">#REF!</definedName>
    <definedName name="板金工" localSheetId="4">#REF!</definedName>
    <definedName name="板金工" localSheetId="5">#REF!</definedName>
    <definedName name="板金工" localSheetId="6">#REF!</definedName>
    <definedName name="板金工" localSheetId="7">#REF!</definedName>
    <definedName name="板金工" localSheetId="8">#REF!</definedName>
    <definedName name="板金工" localSheetId="2">#REF!</definedName>
    <definedName name="板金工">#REF!</definedName>
    <definedName name="番号" localSheetId="4">#REF!</definedName>
    <definedName name="番号" localSheetId="5">#REF!</definedName>
    <definedName name="番号" localSheetId="6">#REF!</definedName>
    <definedName name="番号" localSheetId="7">#REF!</definedName>
    <definedName name="番号" localSheetId="8">#REF!</definedName>
    <definedName name="番号" localSheetId="2">#REF!</definedName>
    <definedName name="番号">#REF!</definedName>
    <definedName name="盤基礎" localSheetId="4">#REF!</definedName>
    <definedName name="盤基礎" localSheetId="5">#REF!</definedName>
    <definedName name="盤基礎" localSheetId="6">#REF!</definedName>
    <definedName name="盤基礎" localSheetId="7">#REF!</definedName>
    <definedName name="盤基礎" localSheetId="8">#REF!</definedName>
    <definedName name="盤基礎" localSheetId="2">#REF!</definedName>
    <definedName name="盤基礎">#REF!</definedName>
    <definedName name="盤名称11" localSheetId="4">#REF!</definedName>
    <definedName name="盤名称11" localSheetId="5">#REF!</definedName>
    <definedName name="盤名称11" localSheetId="6">#REF!</definedName>
    <definedName name="盤名称11" localSheetId="7">#REF!</definedName>
    <definedName name="盤名称11" localSheetId="8">#REF!</definedName>
    <definedName name="盤名称11" localSheetId="2">#REF!</definedName>
    <definedName name="盤名称11">#REF!</definedName>
    <definedName name="盤名称12" localSheetId="4">#REF!</definedName>
    <definedName name="盤名称12" localSheetId="5">#REF!</definedName>
    <definedName name="盤名称12" localSheetId="6">#REF!</definedName>
    <definedName name="盤名称12" localSheetId="7">#REF!</definedName>
    <definedName name="盤名称12" localSheetId="8">#REF!</definedName>
    <definedName name="盤名称12" localSheetId="2">#REF!</definedName>
    <definedName name="盤名称12">#REF!</definedName>
    <definedName name="比較" localSheetId="4">#REF!</definedName>
    <definedName name="比較" localSheetId="5">#REF!</definedName>
    <definedName name="比較" localSheetId="6">#REF!</definedName>
    <definedName name="比較" localSheetId="7">#REF!</definedName>
    <definedName name="比較" localSheetId="8">#REF!</definedName>
    <definedName name="比較" localSheetId="2">#REF!</definedName>
    <definedName name="比較">#REF!</definedName>
    <definedName name="費">'[110]代価表 '!$Z$6</definedName>
    <definedName name="表紙" localSheetId="4">[111]!印刷</definedName>
    <definedName name="表紙" localSheetId="5">[111]!印刷</definedName>
    <definedName name="表紙" localSheetId="6">[111]!印刷</definedName>
    <definedName name="表紙" localSheetId="7">[111]!印刷</definedName>
    <definedName name="表紙" localSheetId="8">[111]!印刷</definedName>
    <definedName name="表紙" localSheetId="2">[111]!印刷</definedName>
    <definedName name="表紙">[111]!印刷</definedName>
    <definedName name="表流水" localSheetId="4">#REF!</definedName>
    <definedName name="表流水" localSheetId="5">#REF!</definedName>
    <definedName name="表流水" localSheetId="6">#REF!</definedName>
    <definedName name="表流水" localSheetId="7">#REF!</definedName>
    <definedName name="表流水" localSheetId="8">#REF!</definedName>
    <definedName name="表流水" localSheetId="9">#REF!</definedName>
    <definedName name="表流水" localSheetId="2">#REF!</definedName>
    <definedName name="表流水">#REF!</definedName>
    <definedName name="不活性ガス">[4]歩・屋!$W$13</definedName>
    <definedName name="付属品率" localSheetId="4">#REF!</definedName>
    <definedName name="付属品率" localSheetId="5">#REF!</definedName>
    <definedName name="付属品率" localSheetId="6">#REF!</definedName>
    <definedName name="付属品率" localSheetId="7">#REF!</definedName>
    <definedName name="付属品率" localSheetId="8">#REF!</definedName>
    <definedName name="付属品率" localSheetId="9">#REF!</definedName>
    <definedName name="付属品率" localSheetId="2">#REF!</definedName>
    <definedName name="付属品率">#REF!</definedName>
    <definedName name="付帯">[7]付帯!$C$4</definedName>
    <definedName name="普作1" localSheetId="4">[29]ｹｰﾌﾞﾙ計!#REF!</definedName>
    <definedName name="普作1" localSheetId="5">[29]ｹｰﾌﾞﾙ計!#REF!</definedName>
    <definedName name="普作1" localSheetId="6">[29]ｹｰﾌﾞﾙ計!#REF!</definedName>
    <definedName name="普作1" localSheetId="7">[29]ｹｰﾌﾞﾙ計!#REF!</definedName>
    <definedName name="普作1" localSheetId="8">[29]ｹｰﾌﾞﾙ計!#REF!</definedName>
    <definedName name="普作1" localSheetId="9">[30]ｹｰﾌﾞﾙ計!#REF!</definedName>
    <definedName name="普作1" localSheetId="2">[29]ｹｰﾌﾞﾙ計!#REF!</definedName>
    <definedName name="普作1">[29]ｹｰﾌﾞﾙ計!#REF!</definedName>
    <definedName name="普通ｾﾒﾝﾄ" localSheetId="4">#REF!</definedName>
    <definedName name="普通ｾﾒﾝﾄ" localSheetId="5">#REF!</definedName>
    <definedName name="普通ｾﾒﾝﾄ" localSheetId="6">#REF!</definedName>
    <definedName name="普通ｾﾒﾝﾄ" localSheetId="7">#REF!</definedName>
    <definedName name="普通ｾﾒﾝﾄ" localSheetId="8">#REF!</definedName>
    <definedName name="普通ｾﾒﾝﾄ" localSheetId="0">#REF!</definedName>
    <definedName name="普通ｾﾒﾝﾄ" localSheetId="2">#REF!</definedName>
    <definedName name="普通ｾﾒﾝﾄ">#REF!</definedName>
    <definedName name="普通ｾﾒﾝﾄ_1000" localSheetId="4">#REF!</definedName>
    <definedName name="普通ｾﾒﾝﾄ_1000" localSheetId="5">#REF!</definedName>
    <definedName name="普通ｾﾒﾝﾄ_1000" localSheetId="6">#REF!</definedName>
    <definedName name="普通ｾﾒﾝﾄ_1000" localSheetId="7">#REF!</definedName>
    <definedName name="普通ｾﾒﾝﾄ_1000" localSheetId="8">#REF!</definedName>
    <definedName name="普通ｾﾒﾝﾄ_1000" localSheetId="0">#REF!</definedName>
    <definedName name="普通ｾﾒﾝﾄ_1000" localSheetId="2">#REF!</definedName>
    <definedName name="普通ｾﾒﾝﾄ_1000">#REF!</definedName>
    <definedName name="普通ｾﾒﾝﾄ50未満" localSheetId="4">#REF!</definedName>
    <definedName name="普通ｾﾒﾝﾄ50未満" localSheetId="5">#REF!</definedName>
    <definedName name="普通ｾﾒﾝﾄ50未満" localSheetId="6">#REF!</definedName>
    <definedName name="普通ｾﾒﾝﾄ50未満" localSheetId="7">#REF!</definedName>
    <definedName name="普通ｾﾒﾝﾄ50未満" localSheetId="8">#REF!</definedName>
    <definedName name="普通ｾﾒﾝﾄ50未満" localSheetId="0">#REF!</definedName>
    <definedName name="普通ｾﾒﾝﾄ50未満" localSheetId="2">#REF!</definedName>
    <definedName name="普通ｾﾒﾝﾄ50未満">#REF!</definedName>
    <definedName name="普通作業員" localSheetId="4">#REF!</definedName>
    <definedName name="普通作業員" localSheetId="5">#REF!</definedName>
    <definedName name="普通作業員" localSheetId="6">#REF!</definedName>
    <definedName name="普通作業員" localSheetId="7">#REF!</definedName>
    <definedName name="普通作業員" localSheetId="8">#REF!</definedName>
    <definedName name="普通作業員" localSheetId="0">#REF!</definedName>
    <definedName name="普通作業員" localSheetId="2">#REF!</definedName>
    <definedName name="普通作業員">#REF!</definedName>
    <definedName name="普通船員" localSheetId="4">#REF!</definedName>
    <definedName name="普通船員" localSheetId="5">#REF!</definedName>
    <definedName name="普通船員" localSheetId="6">#REF!</definedName>
    <definedName name="普通船員" localSheetId="7">#REF!</definedName>
    <definedName name="普通船員" localSheetId="8">#REF!</definedName>
    <definedName name="普通船員" localSheetId="2">#REF!</definedName>
    <definedName name="普通船員">#REF!</definedName>
    <definedName name="部分印刷" localSheetId="4">[68]表紙!#REF!</definedName>
    <definedName name="部分印刷" localSheetId="5">[68]表紙!#REF!</definedName>
    <definedName name="部分印刷" localSheetId="6">[68]表紙!#REF!</definedName>
    <definedName name="部分印刷" localSheetId="7">[68]表紙!#REF!</definedName>
    <definedName name="部分印刷" localSheetId="8">[68]表紙!#REF!</definedName>
    <definedName name="部分印刷" localSheetId="2">[68]表紙!#REF!</definedName>
    <definedName name="部分印刷">[68]表紙!#REF!</definedName>
    <definedName name="副単" localSheetId="4">#REF!</definedName>
    <definedName name="副単" localSheetId="5">#REF!</definedName>
    <definedName name="副単" localSheetId="6">#REF!</definedName>
    <definedName name="副単" localSheetId="7">#REF!</definedName>
    <definedName name="副単" localSheetId="8">#REF!</definedName>
    <definedName name="副単" localSheetId="9">#REF!</definedName>
    <definedName name="副単" localSheetId="2">#REF!</definedName>
    <definedName name="副単">#REF!</definedName>
    <definedName name="幅1" localSheetId="4">#REF!</definedName>
    <definedName name="幅1" localSheetId="5">#REF!</definedName>
    <definedName name="幅1" localSheetId="6">#REF!</definedName>
    <definedName name="幅1" localSheetId="7">#REF!</definedName>
    <definedName name="幅1" localSheetId="8">#REF!</definedName>
    <definedName name="幅1" localSheetId="2">#REF!</definedName>
    <definedName name="幅1">#REF!</definedName>
    <definedName name="複合" localSheetId="9" hidden="1">{"設定1",#N/A,FALSE,"第5号-1";"設定2",#N/A,FALSE,"第5号-1"}</definedName>
    <definedName name="複合" hidden="1">{"設定1",#N/A,FALSE,"第5号-1";"設定2",#N/A,FALSE,"第5号-1"}</definedName>
    <definedName name="複合工" localSheetId="9" hidden="1">{"設定1",#N/A,FALSE,"第5号-1";"設定2",#N/A,FALSE,"第5号-1"}</definedName>
    <definedName name="複合工" hidden="1">{"設定1",#N/A,FALSE,"第5号-1";"設定2",#N/A,FALSE,"第5号-1"}</definedName>
    <definedName name="複合工集計表" localSheetId="4">#REF!</definedName>
    <definedName name="複合工集計表" localSheetId="5">#REF!</definedName>
    <definedName name="複合工集計表" localSheetId="6">#REF!</definedName>
    <definedName name="複合工集計表" localSheetId="7">#REF!</definedName>
    <definedName name="複合工集計表" localSheetId="8">#REF!</definedName>
    <definedName name="複合工集計表" localSheetId="9">#REF!</definedName>
    <definedName name="複合工集計表" localSheetId="2">#REF!</definedName>
    <definedName name="複合工集計表">#REF!</definedName>
    <definedName name="複合工費" localSheetId="4">#REF!</definedName>
    <definedName name="複合工費" localSheetId="5">#REF!</definedName>
    <definedName name="複合工費" localSheetId="6">#REF!</definedName>
    <definedName name="複合工費" localSheetId="7">#REF!</definedName>
    <definedName name="複合工費" localSheetId="8">#REF!</definedName>
    <definedName name="複合工費" localSheetId="0">#REF!</definedName>
    <definedName name="複合工費" localSheetId="2">#REF!</definedName>
    <definedName name="複合工費">#REF!</definedName>
    <definedName name="複合単価_001" localSheetId="4">#REF!</definedName>
    <definedName name="複合単価_001" localSheetId="5">#REF!</definedName>
    <definedName name="複合単価_001" localSheetId="6">#REF!</definedName>
    <definedName name="複合単価_001" localSheetId="7">#REF!</definedName>
    <definedName name="複合単価_001" localSheetId="8">#REF!</definedName>
    <definedName name="複合単価_001" localSheetId="2">#REF!</definedName>
    <definedName name="複合単価_001">#REF!</definedName>
    <definedName name="複合単価_002" localSheetId="4">#REF!</definedName>
    <definedName name="複合単価_002" localSheetId="5">#REF!</definedName>
    <definedName name="複合単価_002" localSheetId="6">#REF!</definedName>
    <definedName name="複合単価_002" localSheetId="7">#REF!</definedName>
    <definedName name="複合単価_002" localSheetId="8">#REF!</definedName>
    <definedName name="複合単価_002" localSheetId="2">#REF!</definedName>
    <definedName name="複合単価_002">#REF!</definedName>
    <definedName name="複合単価_003" localSheetId="4">#REF!</definedName>
    <definedName name="複合単価_003" localSheetId="5">#REF!</definedName>
    <definedName name="複合単価_003" localSheetId="6">#REF!</definedName>
    <definedName name="複合単価_003" localSheetId="7">#REF!</definedName>
    <definedName name="複合単価_003" localSheetId="8">#REF!</definedName>
    <definedName name="複合単価_003" localSheetId="2">#REF!</definedName>
    <definedName name="複合単価_003">#REF!</definedName>
    <definedName name="複合単価_004" localSheetId="4">#REF!</definedName>
    <definedName name="複合単価_004" localSheetId="5">#REF!</definedName>
    <definedName name="複合単価_004" localSheetId="6">#REF!</definedName>
    <definedName name="複合単価_004" localSheetId="7">#REF!</definedName>
    <definedName name="複合単価_004" localSheetId="8">#REF!</definedName>
    <definedName name="複合単価_004" localSheetId="2">#REF!</definedName>
    <definedName name="複合単価_004">#REF!</definedName>
    <definedName name="複合単価_005" localSheetId="4">#REF!</definedName>
    <definedName name="複合単価_005" localSheetId="5">#REF!</definedName>
    <definedName name="複合単価_005" localSheetId="6">#REF!</definedName>
    <definedName name="複合単価_005" localSheetId="7">#REF!</definedName>
    <definedName name="複合単価_005" localSheetId="8">#REF!</definedName>
    <definedName name="複合単価_005" localSheetId="2">#REF!</definedName>
    <definedName name="複合単価_005">#REF!</definedName>
    <definedName name="複合単価_006" localSheetId="4">#REF!</definedName>
    <definedName name="複合単価_006" localSheetId="5">#REF!</definedName>
    <definedName name="複合単価_006" localSheetId="6">#REF!</definedName>
    <definedName name="複合単価_006" localSheetId="7">#REF!</definedName>
    <definedName name="複合単価_006" localSheetId="8">#REF!</definedName>
    <definedName name="複合単価_006" localSheetId="2">#REF!</definedName>
    <definedName name="複合単価_006">#REF!</definedName>
    <definedName name="複合単価_007" localSheetId="4">#REF!</definedName>
    <definedName name="複合単価_007" localSheetId="5">#REF!</definedName>
    <definedName name="複合単価_007" localSheetId="6">#REF!</definedName>
    <definedName name="複合単価_007" localSheetId="7">#REF!</definedName>
    <definedName name="複合単価_007" localSheetId="8">#REF!</definedName>
    <definedName name="複合単価_007" localSheetId="2">#REF!</definedName>
    <definedName name="複合単価_007">#REF!</definedName>
    <definedName name="複合単価_008" localSheetId="4">#REF!</definedName>
    <definedName name="複合単価_008" localSheetId="5">#REF!</definedName>
    <definedName name="複合単価_008" localSheetId="6">#REF!</definedName>
    <definedName name="複合単価_008" localSheetId="7">#REF!</definedName>
    <definedName name="複合単価_008" localSheetId="8">#REF!</definedName>
    <definedName name="複合単価_008" localSheetId="2">#REF!</definedName>
    <definedName name="複合単価_008">#REF!</definedName>
    <definedName name="複合単価_009" localSheetId="4">#REF!</definedName>
    <definedName name="複合単価_009" localSheetId="5">#REF!</definedName>
    <definedName name="複合単価_009" localSheetId="6">#REF!</definedName>
    <definedName name="複合単価_009" localSheetId="7">#REF!</definedName>
    <definedName name="複合単価_009" localSheetId="8">#REF!</definedName>
    <definedName name="複合単価_009" localSheetId="2">#REF!</definedName>
    <definedName name="複合単価_009">#REF!</definedName>
    <definedName name="複合単価_010" localSheetId="4">#REF!</definedName>
    <definedName name="複合単価_010" localSheetId="5">#REF!</definedName>
    <definedName name="複合単価_010" localSheetId="6">#REF!</definedName>
    <definedName name="複合単価_010" localSheetId="7">#REF!</definedName>
    <definedName name="複合単価_010" localSheetId="8">#REF!</definedName>
    <definedName name="複合単価_010" localSheetId="2">#REF!</definedName>
    <definedName name="複合単価_010">#REF!</definedName>
    <definedName name="複合単価_011" localSheetId="4">#REF!</definedName>
    <definedName name="複合単価_011" localSheetId="5">#REF!</definedName>
    <definedName name="複合単価_011" localSheetId="6">#REF!</definedName>
    <definedName name="複合単価_011" localSheetId="7">#REF!</definedName>
    <definedName name="複合単価_011" localSheetId="8">#REF!</definedName>
    <definedName name="複合単価_011" localSheetId="2">#REF!</definedName>
    <definedName name="複合単価_011">#REF!</definedName>
    <definedName name="複合単価_012" localSheetId="4">#REF!</definedName>
    <definedName name="複合単価_012" localSheetId="5">#REF!</definedName>
    <definedName name="複合単価_012" localSheetId="6">#REF!</definedName>
    <definedName name="複合単価_012" localSheetId="7">#REF!</definedName>
    <definedName name="複合単価_012" localSheetId="8">#REF!</definedName>
    <definedName name="複合単価_012" localSheetId="2">#REF!</definedName>
    <definedName name="複合単価_012">#REF!</definedName>
    <definedName name="複合単価_013" localSheetId="4">#REF!</definedName>
    <definedName name="複合単価_013" localSheetId="5">#REF!</definedName>
    <definedName name="複合単価_013" localSheetId="6">#REF!</definedName>
    <definedName name="複合単価_013" localSheetId="7">#REF!</definedName>
    <definedName name="複合単価_013" localSheetId="8">#REF!</definedName>
    <definedName name="複合単価_013" localSheetId="2">#REF!</definedName>
    <definedName name="複合単価_013">#REF!</definedName>
    <definedName name="複合単価_014" localSheetId="4">#REF!</definedName>
    <definedName name="複合単価_014" localSheetId="5">#REF!</definedName>
    <definedName name="複合単価_014" localSheetId="6">#REF!</definedName>
    <definedName name="複合単価_014" localSheetId="7">#REF!</definedName>
    <definedName name="複合単価_014" localSheetId="8">#REF!</definedName>
    <definedName name="複合単価_014" localSheetId="2">#REF!</definedName>
    <definedName name="複合単価_014">#REF!</definedName>
    <definedName name="複合単価_015" localSheetId="4">#REF!</definedName>
    <definedName name="複合単価_015" localSheetId="5">#REF!</definedName>
    <definedName name="複合単価_015" localSheetId="6">#REF!</definedName>
    <definedName name="複合単価_015" localSheetId="7">#REF!</definedName>
    <definedName name="複合単価_015" localSheetId="8">#REF!</definedName>
    <definedName name="複合単価_015" localSheetId="2">#REF!</definedName>
    <definedName name="複合単価_015">#REF!</definedName>
    <definedName name="複合単価_016" localSheetId="4">#REF!</definedName>
    <definedName name="複合単価_016" localSheetId="5">#REF!</definedName>
    <definedName name="複合単価_016" localSheetId="6">#REF!</definedName>
    <definedName name="複合単価_016" localSheetId="7">#REF!</definedName>
    <definedName name="複合単価_016" localSheetId="8">#REF!</definedName>
    <definedName name="複合単価_016" localSheetId="2">#REF!</definedName>
    <definedName name="複合単価_016">#REF!</definedName>
    <definedName name="複合単価_017" localSheetId="4">#REF!</definedName>
    <definedName name="複合単価_017" localSheetId="5">#REF!</definedName>
    <definedName name="複合単価_017" localSheetId="6">#REF!</definedName>
    <definedName name="複合単価_017" localSheetId="7">#REF!</definedName>
    <definedName name="複合単価_017" localSheetId="8">#REF!</definedName>
    <definedName name="複合単価_017" localSheetId="2">#REF!</definedName>
    <definedName name="複合単価_017">#REF!</definedName>
    <definedName name="複合単価_018" localSheetId="4">#REF!</definedName>
    <definedName name="複合単価_018" localSheetId="5">#REF!</definedName>
    <definedName name="複合単価_018" localSheetId="6">#REF!</definedName>
    <definedName name="複合単価_018" localSheetId="7">#REF!</definedName>
    <definedName name="複合単価_018" localSheetId="8">#REF!</definedName>
    <definedName name="複合単価_018" localSheetId="2">#REF!</definedName>
    <definedName name="複合単価_018">#REF!</definedName>
    <definedName name="複合単価_019" localSheetId="4">#REF!</definedName>
    <definedName name="複合単価_019" localSheetId="5">#REF!</definedName>
    <definedName name="複合単価_019" localSheetId="6">#REF!</definedName>
    <definedName name="複合単価_019" localSheetId="7">#REF!</definedName>
    <definedName name="複合単価_019" localSheetId="8">#REF!</definedName>
    <definedName name="複合単価_019" localSheetId="2">#REF!</definedName>
    <definedName name="複合単価_019">#REF!</definedName>
    <definedName name="複合単価_020" localSheetId="4">#REF!</definedName>
    <definedName name="複合単価_020" localSheetId="5">#REF!</definedName>
    <definedName name="複合単価_020" localSheetId="6">#REF!</definedName>
    <definedName name="複合単価_020" localSheetId="7">#REF!</definedName>
    <definedName name="複合単価_020" localSheetId="8">#REF!</definedName>
    <definedName name="複合単価_020" localSheetId="2">#REF!</definedName>
    <definedName name="複合単価_020">#REF!</definedName>
    <definedName name="複合単価_021" localSheetId="4">#REF!</definedName>
    <definedName name="複合単価_021" localSheetId="5">#REF!</definedName>
    <definedName name="複合単価_021" localSheetId="6">#REF!</definedName>
    <definedName name="複合単価_021" localSheetId="7">#REF!</definedName>
    <definedName name="複合単価_021" localSheetId="8">#REF!</definedName>
    <definedName name="複合単価_021" localSheetId="2">#REF!</definedName>
    <definedName name="複合単価_021">#REF!</definedName>
    <definedName name="複合単価_022" localSheetId="4">#REF!</definedName>
    <definedName name="複合単価_022" localSheetId="5">#REF!</definedName>
    <definedName name="複合単価_022" localSheetId="6">#REF!</definedName>
    <definedName name="複合単価_022" localSheetId="7">#REF!</definedName>
    <definedName name="複合単価_022" localSheetId="8">#REF!</definedName>
    <definedName name="複合単価_022" localSheetId="2">#REF!</definedName>
    <definedName name="複合単価_022">#REF!</definedName>
    <definedName name="複合単価_023" localSheetId="4">#REF!</definedName>
    <definedName name="複合単価_023" localSheetId="5">#REF!</definedName>
    <definedName name="複合単価_023" localSheetId="6">#REF!</definedName>
    <definedName name="複合単価_023" localSheetId="7">#REF!</definedName>
    <definedName name="複合単価_023" localSheetId="8">#REF!</definedName>
    <definedName name="複合単価_023" localSheetId="2">#REF!</definedName>
    <definedName name="複合単価_023">#REF!</definedName>
    <definedName name="複合単価_024" localSheetId="4">#REF!</definedName>
    <definedName name="複合単価_024" localSheetId="5">#REF!</definedName>
    <definedName name="複合単価_024" localSheetId="6">#REF!</definedName>
    <definedName name="複合単価_024" localSheetId="7">#REF!</definedName>
    <definedName name="複合単価_024" localSheetId="8">#REF!</definedName>
    <definedName name="複合単価_024" localSheetId="2">#REF!</definedName>
    <definedName name="複合単価_024">#REF!</definedName>
    <definedName name="複合単価_025" localSheetId="4">#REF!</definedName>
    <definedName name="複合単価_025" localSheetId="5">#REF!</definedName>
    <definedName name="複合単価_025" localSheetId="6">#REF!</definedName>
    <definedName name="複合単価_025" localSheetId="7">#REF!</definedName>
    <definedName name="複合単価_025" localSheetId="8">#REF!</definedName>
    <definedName name="複合単価_025" localSheetId="2">#REF!</definedName>
    <definedName name="複合単価_025">#REF!</definedName>
    <definedName name="複合単価_026" localSheetId="4">#REF!</definedName>
    <definedName name="複合単価_026" localSheetId="5">#REF!</definedName>
    <definedName name="複合単価_026" localSheetId="6">#REF!</definedName>
    <definedName name="複合単価_026" localSheetId="7">#REF!</definedName>
    <definedName name="複合単価_026" localSheetId="8">#REF!</definedName>
    <definedName name="複合単価_026" localSheetId="2">#REF!</definedName>
    <definedName name="複合単価_026">#REF!</definedName>
    <definedName name="複合単価_027" localSheetId="4">#REF!</definedName>
    <definedName name="複合単価_027" localSheetId="5">#REF!</definedName>
    <definedName name="複合単価_027" localSheetId="6">#REF!</definedName>
    <definedName name="複合単価_027" localSheetId="7">#REF!</definedName>
    <definedName name="複合単価_027" localSheetId="8">#REF!</definedName>
    <definedName name="複合単価_027" localSheetId="2">#REF!</definedName>
    <definedName name="複合単価_027">#REF!</definedName>
    <definedName name="複合単価_028" localSheetId="4">#REF!</definedName>
    <definedName name="複合単価_028" localSheetId="5">#REF!</definedName>
    <definedName name="複合単価_028" localSheetId="6">#REF!</definedName>
    <definedName name="複合単価_028" localSheetId="7">#REF!</definedName>
    <definedName name="複合単価_028" localSheetId="8">#REF!</definedName>
    <definedName name="複合単価_028" localSheetId="2">#REF!</definedName>
    <definedName name="複合単価_028">#REF!</definedName>
    <definedName name="複合単価_029" localSheetId="4">#REF!</definedName>
    <definedName name="複合単価_029" localSheetId="5">#REF!</definedName>
    <definedName name="複合単価_029" localSheetId="6">#REF!</definedName>
    <definedName name="複合単価_029" localSheetId="7">#REF!</definedName>
    <definedName name="複合単価_029" localSheetId="8">#REF!</definedName>
    <definedName name="複合単価_029" localSheetId="2">#REF!</definedName>
    <definedName name="複合単価_029">#REF!</definedName>
    <definedName name="複合単価_030" localSheetId="4">#REF!</definedName>
    <definedName name="複合単価_030" localSheetId="5">#REF!</definedName>
    <definedName name="複合単価_030" localSheetId="6">#REF!</definedName>
    <definedName name="複合単価_030" localSheetId="7">#REF!</definedName>
    <definedName name="複合単価_030" localSheetId="8">#REF!</definedName>
    <definedName name="複合単価_030" localSheetId="2">#REF!</definedName>
    <definedName name="複合単価_030">#REF!</definedName>
    <definedName name="複合単価_031" localSheetId="4">#REF!</definedName>
    <definedName name="複合単価_031" localSheetId="5">#REF!</definedName>
    <definedName name="複合単価_031" localSheetId="6">#REF!</definedName>
    <definedName name="複合単価_031" localSheetId="7">#REF!</definedName>
    <definedName name="複合単価_031" localSheetId="8">#REF!</definedName>
    <definedName name="複合単価_031" localSheetId="2">#REF!</definedName>
    <definedName name="複合単価_031">#REF!</definedName>
    <definedName name="複合単価_032" localSheetId="4">#REF!</definedName>
    <definedName name="複合単価_032" localSheetId="5">#REF!</definedName>
    <definedName name="複合単価_032" localSheetId="6">#REF!</definedName>
    <definedName name="複合単価_032" localSheetId="7">#REF!</definedName>
    <definedName name="複合単価_032" localSheetId="8">#REF!</definedName>
    <definedName name="複合単価_032" localSheetId="2">#REF!</definedName>
    <definedName name="複合単価_032">#REF!</definedName>
    <definedName name="複合単価_033" localSheetId="4">#REF!</definedName>
    <definedName name="複合単価_033" localSheetId="5">#REF!</definedName>
    <definedName name="複合単価_033" localSheetId="6">#REF!</definedName>
    <definedName name="複合単価_033" localSheetId="7">#REF!</definedName>
    <definedName name="複合単価_033" localSheetId="8">#REF!</definedName>
    <definedName name="複合単価_033" localSheetId="2">#REF!</definedName>
    <definedName name="複合単価_033">#REF!</definedName>
    <definedName name="複合単価_034" localSheetId="4">#REF!</definedName>
    <definedName name="複合単価_034" localSheetId="5">#REF!</definedName>
    <definedName name="複合単価_034" localSheetId="6">#REF!</definedName>
    <definedName name="複合単価_034" localSheetId="7">#REF!</definedName>
    <definedName name="複合単価_034" localSheetId="8">#REF!</definedName>
    <definedName name="複合単価_034" localSheetId="2">#REF!</definedName>
    <definedName name="複合単価_034">#REF!</definedName>
    <definedName name="複合単価_035" localSheetId="4">#REF!</definedName>
    <definedName name="複合単価_035" localSheetId="5">#REF!</definedName>
    <definedName name="複合単価_035" localSheetId="6">#REF!</definedName>
    <definedName name="複合単価_035" localSheetId="7">#REF!</definedName>
    <definedName name="複合単価_035" localSheetId="8">#REF!</definedName>
    <definedName name="複合単価_035" localSheetId="2">#REF!</definedName>
    <definedName name="複合単価_035">#REF!</definedName>
    <definedName name="複合単価_036" localSheetId="4">#REF!</definedName>
    <definedName name="複合単価_036" localSheetId="5">#REF!</definedName>
    <definedName name="複合単価_036" localSheetId="6">#REF!</definedName>
    <definedName name="複合単価_036" localSheetId="7">#REF!</definedName>
    <definedName name="複合単価_036" localSheetId="8">#REF!</definedName>
    <definedName name="複合単価_036" localSheetId="2">#REF!</definedName>
    <definedName name="複合単価_036">#REF!</definedName>
    <definedName name="複合単価_037" localSheetId="4">#REF!</definedName>
    <definedName name="複合単価_037" localSheetId="5">#REF!</definedName>
    <definedName name="複合単価_037" localSheetId="6">#REF!</definedName>
    <definedName name="複合単価_037" localSheetId="7">#REF!</definedName>
    <definedName name="複合単価_037" localSheetId="8">#REF!</definedName>
    <definedName name="複合単価_037" localSheetId="2">#REF!</definedName>
    <definedName name="複合単価_037">#REF!</definedName>
    <definedName name="複合単価_038" localSheetId="4">#REF!</definedName>
    <definedName name="複合単価_038" localSheetId="5">#REF!</definedName>
    <definedName name="複合単価_038" localSheetId="6">#REF!</definedName>
    <definedName name="複合単価_038" localSheetId="7">#REF!</definedName>
    <definedName name="複合単価_038" localSheetId="8">#REF!</definedName>
    <definedName name="複合単価_038" localSheetId="2">#REF!</definedName>
    <definedName name="複合単価_038">#REF!</definedName>
    <definedName name="複合単価_039" localSheetId="4">#REF!</definedName>
    <definedName name="複合単価_039" localSheetId="5">#REF!</definedName>
    <definedName name="複合単価_039" localSheetId="6">#REF!</definedName>
    <definedName name="複合単価_039" localSheetId="7">#REF!</definedName>
    <definedName name="複合単価_039" localSheetId="8">#REF!</definedName>
    <definedName name="複合単価_039" localSheetId="2">#REF!</definedName>
    <definedName name="複合単価_039">#REF!</definedName>
    <definedName name="複合単価_040" localSheetId="4">#REF!</definedName>
    <definedName name="複合単価_040" localSheetId="5">#REF!</definedName>
    <definedName name="複合単価_040" localSheetId="6">#REF!</definedName>
    <definedName name="複合単価_040" localSheetId="7">#REF!</definedName>
    <definedName name="複合単価_040" localSheetId="8">#REF!</definedName>
    <definedName name="複合単価_040" localSheetId="2">#REF!</definedName>
    <definedName name="複合単価_040">#REF!</definedName>
    <definedName name="複合単価_041" localSheetId="4">#REF!</definedName>
    <definedName name="複合単価_041" localSheetId="5">#REF!</definedName>
    <definedName name="複合単価_041" localSheetId="6">#REF!</definedName>
    <definedName name="複合単価_041" localSheetId="7">#REF!</definedName>
    <definedName name="複合単価_041" localSheetId="8">#REF!</definedName>
    <definedName name="複合単価_041" localSheetId="2">#REF!</definedName>
    <definedName name="複合単価_041">#REF!</definedName>
    <definedName name="複合単価_042" localSheetId="4">#REF!</definedName>
    <definedName name="複合単価_042" localSheetId="5">#REF!</definedName>
    <definedName name="複合単価_042" localSheetId="6">#REF!</definedName>
    <definedName name="複合単価_042" localSheetId="7">#REF!</definedName>
    <definedName name="複合単価_042" localSheetId="8">#REF!</definedName>
    <definedName name="複合単価_042" localSheetId="2">#REF!</definedName>
    <definedName name="複合単価_042">#REF!</definedName>
    <definedName name="複合単価_043" localSheetId="4">#REF!</definedName>
    <definedName name="複合単価_043" localSheetId="5">#REF!</definedName>
    <definedName name="複合単価_043" localSheetId="6">#REF!</definedName>
    <definedName name="複合単価_043" localSheetId="7">#REF!</definedName>
    <definedName name="複合単価_043" localSheetId="8">#REF!</definedName>
    <definedName name="複合単価_043" localSheetId="2">#REF!</definedName>
    <definedName name="複合単価_043">#REF!</definedName>
    <definedName name="複合単価_044" localSheetId="4">#REF!</definedName>
    <definedName name="複合単価_044" localSheetId="5">#REF!</definedName>
    <definedName name="複合単価_044" localSheetId="6">#REF!</definedName>
    <definedName name="複合単価_044" localSheetId="7">#REF!</definedName>
    <definedName name="複合単価_044" localSheetId="8">#REF!</definedName>
    <definedName name="複合単価_044" localSheetId="2">#REF!</definedName>
    <definedName name="複合単価_044">#REF!</definedName>
    <definedName name="複合単価_045" localSheetId="4">#REF!</definedName>
    <definedName name="複合単価_045" localSheetId="5">#REF!</definedName>
    <definedName name="複合単価_045" localSheetId="6">#REF!</definedName>
    <definedName name="複合単価_045" localSheetId="7">#REF!</definedName>
    <definedName name="複合単価_045" localSheetId="8">#REF!</definedName>
    <definedName name="複合単価_045" localSheetId="2">#REF!</definedName>
    <definedName name="複合単価_045">#REF!</definedName>
    <definedName name="複合単価_046" localSheetId="4">#REF!</definedName>
    <definedName name="複合単価_046" localSheetId="5">#REF!</definedName>
    <definedName name="複合単価_046" localSheetId="6">#REF!</definedName>
    <definedName name="複合単価_046" localSheetId="7">#REF!</definedName>
    <definedName name="複合単価_046" localSheetId="8">#REF!</definedName>
    <definedName name="複合単価_046" localSheetId="2">#REF!</definedName>
    <definedName name="複合単価_046">#REF!</definedName>
    <definedName name="複合単価_047" localSheetId="4">#REF!</definedName>
    <definedName name="複合単価_047" localSheetId="5">#REF!</definedName>
    <definedName name="複合単価_047" localSheetId="6">#REF!</definedName>
    <definedName name="複合単価_047" localSheetId="7">#REF!</definedName>
    <definedName name="複合単価_047" localSheetId="8">#REF!</definedName>
    <definedName name="複合単価_047" localSheetId="2">#REF!</definedName>
    <definedName name="複合単価_047">#REF!</definedName>
    <definedName name="複合単価_048" localSheetId="4">#REF!</definedName>
    <definedName name="複合単価_048" localSheetId="5">#REF!</definedName>
    <definedName name="複合単価_048" localSheetId="6">#REF!</definedName>
    <definedName name="複合単価_048" localSheetId="7">#REF!</definedName>
    <definedName name="複合単価_048" localSheetId="8">#REF!</definedName>
    <definedName name="複合単価_048" localSheetId="2">#REF!</definedName>
    <definedName name="複合単価_048">#REF!</definedName>
    <definedName name="複合単価_049" localSheetId="4">#REF!</definedName>
    <definedName name="複合単価_049" localSheetId="5">#REF!</definedName>
    <definedName name="複合単価_049" localSheetId="6">#REF!</definedName>
    <definedName name="複合単価_049" localSheetId="7">#REF!</definedName>
    <definedName name="複合単価_049" localSheetId="8">#REF!</definedName>
    <definedName name="複合単価_049" localSheetId="2">#REF!</definedName>
    <definedName name="複合単価_049">#REF!</definedName>
    <definedName name="複合単価_050" localSheetId="4">#REF!</definedName>
    <definedName name="複合単価_050" localSheetId="5">#REF!</definedName>
    <definedName name="複合単価_050" localSheetId="6">#REF!</definedName>
    <definedName name="複合単価_050" localSheetId="7">#REF!</definedName>
    <definedName name="複合単価_050" localSheetId="8">#REF!</definedName>
    <definedName name="複合単価_050" localSheetId="2">#REF!</definedName>
    <definedName name="複合単価_050">#REF!</definedName>
    <definedName name="複合単価_051" localSheetId="4">#REF!</definedName>
    <definedName name="複合単価_051" localSheetId="5">#REF!</definedName>
    <definedName name="複合単価_051" localSheetId="6">#REF!</definedName>
    <definedName name="複合単価_051" localSheetId="7">#REF!</definedName>
    <definedName name="複合単価_051" localSheetId="8">#REF!</definedName>
    <definedName name="複合単価_051" localSheetId="2">#REF!</definedName>
    <definedName name="複合単価_051">#REF!</definedName>
    <definedName name="複合単価_052" localSheetId="4">#REF!</definedName>
    <definedName name="複合単価_052" localSheetId="5">#REF!</definedName>
    <definedName name="複合単価_052" localSheetId="6">#REF!</definedName>
    <definedName name="複合単価_052" localSheetId="7">#REF!</definedName>
    <definedName name="複合単価_052" localSheetId="8">#REF!</definedName>
    <definedName name="複合単価_052" localSheetId="2">#REF!</definedName>
    <definedName name="複合単価_052">#REF!</definedName>
    <definedName name="複合単価表" localSheetId="4">#REF!</definedName>
    <definedName name="複合単価表" localSheetId="5">#REF!</definedName>
    <definedName name="複合単価表" localSheetId="6">#REF!</definedName>
    <definedName name="複合単価表" localSheetId="7">#REF!</definedName>
    <definedName name="複合単価表" localSheetId="8">#REF!</definedName>
    <definedName name="複合単価表" localSheetId="2">#REF!</definedName>
    <definedName name="複合単価表">#REF!</definedName>
    <definedName name="複写" localSheetId="4">#REF!</definedName>
    <definedName name="複写" localSheetId="5">#REF!</definedName>
    <definedName name="複写" localSheetId="6">#REF!</definedName>
    <definedName name="複写" localSheetId="7">#REF!</definedName>
    <definedName name="複写" localSheetId="8">#REF!</definedName>
    <definedName name="複写" localSheetId="2">#REF!</definedName>
    <definedName name="複写">#REF!</definedName>
    <definedName name="複写範囲" localSheetId="4">#REF!</definedName>
    <definedName name="複写範囲" localSheetId="5">#REF!</definedName>
    <definedName name="複写範囲" localSheetId="6">#REF!</definedName>
    <definedName name="複写範囲" localSheetId="7">#REF!</definedName>
    <definedName name="複写範囲" localSheetId="8">#REF!</definedName>
    <definedName name="複写範囲" localSheetId="2">#REF!</definedName>
    <definedName name="複写範囲">#REF!</definedName>
    <definedName name="物価資料価格表">'[112]物価資料価格表(変更後)'!$A$1:$L$65536</definedName>
    <definedName name="分類" localSheetId="9">[113]機器等据付重量表!$C$7:$C$56,[113]機器等据付重量表!$C$63,[113]機器等据付重量表!$C$63:$C$112,[113]機器等据付重量表!$C$119,[113]機器等据付重量表!$C$119:$C$168,[113]機器等据付重量表!$C$175:$C$224,[113]機器等据付重量表!$C$231,[113]機器等据付重量表!$C$231:$C$280,[113]機器等据付重量表!$C$287,[113]機器等据付重量表!$C$287:$C$336,[113]機器等据付重量表!$C$343,[113]機器等据付重量表!$C$343:$C$392</definedName>
    <definedName name="分類">[114]機器等据付重量表!$C$7:$C$56,[114]機器等据付重量表!$C$63,[114]機器等据付重量表!$C$63:$C$112,[114]機器等据付重量表!$C$119,[114]機器等据付重量表!$C$119:$C$168,[114]機器等据付重量表!$C$175:$C$224,[114]機器等据付重量表!$C$231,[114]機器等据付重量表!$C$231:$C$280,[114]機器等据付重量表!$C$287,[114]機器等据付重量表!$C$287:$C$336,[114]機器等据付重量表!$C$343,[114]機器等据付重量表!$C$343:$C$392</definedName>
    <definedName name="粉炭費" localSheetId="4">#REF!</definedName>
    <definedName name="粉炭費" localSheetId="5">#REF!</definedName>
    <definedName name="粉炭費" localSheetId="6">#REF!</definedName>
    <definedName name="粉炭費" localSheetId="7">#REF!</definedName>
    <definedName name="粉炭費" localSheetId="8">#REF!</definedName>
    <definedName name="粉炭費" localSheetId="9">#REF!</definedName>
    <definedName name="粉炭費" localSheetId="2">#REF!</definedName>
    <definedName name="粉炭費">#REF!</definedName>
    <definedName name="兵庫県都まちづくり部設備課" localSheetId="4">[115]小項目!#REF!</definedName>
    <definedName name="兵庫県都まちづくり部設備課" localSheetId="5">[115]小項目!#REF!</definedName>
    <definedName name="兵庫県都まちづくり部設備課" localSheetId="6">[115]小項目!#REF!</definedName>
    <definedName name="兵庫県都まちづくり部設備課" localSheetId="7">[115]小項目!#REF!</definedName>
    <definedName name="兵庫県都まちづくり部設備課" localSheetId="8">[115]小項目!#REF!</definedName>
    <definedName name="兵庫県都まちづくり部設備課" localSheetId="9">[115]小項目!#REF!</definedName>
    <definedName name="兵庫県都まちづくり部設備課" localSheetId="2">[115]小項目!#REF!</definedName>
    <definedName name="兵庫県都まちづくり部設備課">[115]小項目!#REF!</definedName>
    <definedName name="頁枚数" localSheetId="4">[28]表紙!#REF!</definedName>
    <definedName name="頁枚数" localSheetId="5">[28]表紙!#REF!</definedName>
    <definedName name="頁枚数" localSheetId="6">[28]表紙!#REF!</definedName>
    <definedName name="頁枚数" localSheetId="7">[28]表紙!#REF!</definedName>
    <definedName name="頁枚数" localSheetId="8">[28]表紙!#REF!</definedName>
    <definedName name="頁枚数" localSheetId="2">[28]表紙!#REF!</definedName>
    <definedName name="頁枚数">[28]表紙!#REF!</definedName>
    <definedName name="別途">[7]付帯!$F$3</definedName>
    <definedName name="変更用紙" localSheetId="4">[90]!印刷</definedName>
    <definedName name="変更用紙" localSheetId="5">[90]!印刷</definedName>
    <definedName name="変更用紙" localSheetId="6">[90]!印刷</definedName>
    <definedName name="変更用紙" localSheetId="7">[90]!印刷</definedName>
    <definedName name="変更用紙" localSheetId="8">[90]!印刷</definedName>
    <definedName name="変更用紙" localSheetId="2">[90]!印刷</definedName>
    <definedName name="変更用紙">[90]!印刷</definedName>
    <definedName name="弁類" localSheetId="4">#REF!</definedName>
    <definedName name="弁類" localSheetId="5">#REF!</definedName>
    <definedName name="弁類" localSheetId="6">#REF!</definedName>
    <definedName name="弁類" localSheetId="7">#REF!</definedName>
    <definedName name="弁類" localSheetId="8">#REF!</definedName>
    <definedName name="弁類" localSheetId="9">#REF!</definedName>
    <definedName name="弁類" localSheetId="2">#REF!</definedName>
    <definedName name="弁類">#REF!</definedName>
    <definedName name="保温工" localSheetId="4">#REF!</definedName>
    <definedName name="保温工" localSheetId="5">#REF!</definedName>
    <definedName name="保温工" localSheetId="6">#REF!</definedName>
    <definedName name="保温工" localSheetId="7">#REF!</definedName>
    <definedName name="保温工" localSheetId="8">#REF!</definedName>
    <definedName name="保温工" localSheetId="2">#REF!</definedName>
    <definedName name="保温工">#REF!</definedName>
    <definedName name="保証方法" localSheetId="4">#REF!</definedName>
    <definedName name="保証方法" localSheetId="5">#REF!</definedName>
    <definedName name="保証方法" localSheetId="6">#REF!</definedName>
    <definedName name="保証方法" localSheetId="7">#REF!</definedName>
    <definedName name="保証方法" localSheetId="8">#REF!</definedName>
    <definedName name="保証方法" localSheetId="2">#REF!</definedName>
    <definedName name="保証方法">#REF!</definedName>
    <definedName name="保存">#N/A</definedName>
    <definedName name="舗装データ" localSheetId="4">#REF!</definedName>
    <definedName name="舗装データ" localSheetId="5">#REF!</definedName>
    <definedName name="舗装データ" localSheetId="6">#REF!</definedName>
    <definedName name="舗装データ" localSheetId="7">#REF!</definedName>
    <definedName name="舗装データ" localSheetId="8">#REF!</definedName>
    <definedName name="舗装データ" localSheetId="2">#REF!</definedName>
    <definedName name="舗装データ">#REF!</definedName>
    <definedName name="舗装復旧工" localSheetId="4">#REF!</definedName>
    <definedName name="舗装復旧工" localSheetId="5">#REF!</definedName>
    <definedName name="舗装復旧工" localSheetId="6">#REF!</definedName>
    <definedName name="舗装復旧工" localSheetId="7">#REF!</definedName>
    <definedName name="舗装復旧工" localSheetId="8">#REF!</definedName>
    <definedName name="舗装復旧工" localSheetId="2">#REF!</definedName>
    <definedName name="舗装復旧工">#REF!</definedName>
    <definedName name="歩掛け" localSheetId="4">#REF!</definedName>
    <definedName name="歩掛け" localSheetId="5">#REF!</definedName>
    <definedName name="歩掛け" localSheetId="6">#REF!</definedName>
    <definedName name="歩掛け" localSheetId="7">#REF!</definedName>
    <definedName name="歩掛け" localSheetId="8">#REF!</definedName>
    <definedName name="歩掛け" localSheetId="2">#REF!</definedName>
    <definedName name="歩掛け">#REF!</definedName>
    <definedName name="歩掛表" localSheetId="4">#REF!</definedName>
    <definedName name="歩掛表" localSheetId="5">#REF!</definedName>
    <definedName name="歩掛表" localSheetId="6">#REF!</definedName>
    <definedName name="歩掛表" localSheetId="7">#REF!</definedName>
    <definedName name="歩掛表" localSheetId="8">#REF!</definedName>
    <definedName name="歩掛表" localSheetId="2">#REF!</definedName>
    <definedName name="歩掛表">#REF!</definedName>
    <definedName name="補給率" localSheetId="4">#REF!</definedName>
    <definedName name="補給率" localSheetId="5">#REF!</definedName>
    <definedName name="補給率" localSheetId="6">#REF!</definedName>
    <definedName name="補給率" localSheetId="7">#REF!</definedName>
    <definedName name="補給率" localSheetId="8">#REF!</definedName>
    <definedName name="補給率" localSheetId="2">#REF!</definedName>
    <definedName name="補給率">#REF!</definedName>
    <definedName name="補助区分">'[22]入力データ(H27用シート連動）'!$U$2:$U$19</definedName>
    <definedName name="補助率">'[22]入力データ(H27用シート連動）'!$AE$2:$AE$9</definedName>
    <definedName name="補正" localSheetId="4">#REF!</definedName>
    <definedName name="補正" localSheetId="5">#REF!</definedName>
    <definedName name="補正" localSheetId="6">#REF!</definedName>
    <definedName name="補正" localSheetId="7">#REF!</definedName>
    <definedName name="補正" localSheetId="8">#REF!</definedName>
    <definedName name="補正" localSheetId="2">#REF!</definedName>
    <definedName name="補正">#REF!</definedName>
    <definedName name="補単特">'[22]入力データ(H27用シート連動）'!$B$2:$B$18</definedName>
    <definedName name="法面工" localSheetId="4">#REF!</definedName>
    <definedName name="法面工" localSheetId="5">#REF!</definedName>
    <definedName name="法面工" localSheetId="6">#REF!</definedName>
    <definedName name="法面工" localSheetId="7">#REF!</definedName>
    <definedName name="法面工" localSheetId="8">#REF!</definedName>
    <definedName name="法面工" localSheetId="2">#REF!</definedName>
    <definedName name="法面工">#REF!</definedName>
    <definedName name="防水工" localSheetId="4">#REF!</definedName>
    <definedName name="防水工" localSheetId="5">#REF!</definedName>
    <definedName name="防水工" localSheetId="6">#REF!</definedName>
    <definedName name="防水工" localSheetId="7">#REF!</definedName>
    <definedName name="防水工" localSheetId="8">#REF!</definedName>
    <definedName name="防水工" localSheetId="0">#REF!</definedName>
    <definedName name="防水工" localSheetId="2">#REF!</definedName>
    <definedName name="防水工">#REF!</definedName>
    <definedName name="膜ポンプKW" localSheetId="4">#REF!</definedName>
    <definedName name="膜ポンプKW" localSheetId="5">#REF!</definedName>
    <definedName name="膜ポンプKW" localSheetId="6">#REF!</definedName>
    <definedName name="膜ポンプKW" localSheetId="7">#REF!</definedName>
    <definedName name="膜ポンプKW" localSheetId="8">#REF!</definedName>
    <definedName name="膜ポンプKW" localSheetId="2">#REF!</definedName>
    <definedName name="膜ポンプKW">#REF!</definedName>
    <definedName name="膜ろ過原水量">[65]条件!$C$15</definedName>
    <definedName name="膜ろ過棟" localSheetId="9" hidden="1">{"設定1",#N/A,FALSE,"第5号-1";"設定2",#N/A,FALSE,"第5号-1"}</definedName>
    <definedName name="膜ろ過棟" hidden="1">{"設定1",#N/A,FALSE,"第5号-1";"設定2",#N/A,FALSE,"第5号-1"}</definedName>
    <definedName name="膜交換費" localSheetId="4">#REF!</definedName>
    <definedName name="膜交換費" localSheetId="5">#REF!</definedName>
    <definedName name="膜交換費" localSheetId="6">#REF!</definedName>
    <definedName name="膜交換費" localSheetId="7">#REF!</definedName>
    <definedName name="膜交換費" localSheetId="8">#REF!</definedName>
    <definedName name="膜交換費" localSheetId="9">#REF!</definedName>
    <definedName name="膜交換費" localSheetId="2">#REF!</definedName>
    <definedName name="膜交換費">#REF!</definedName>
    <definedName name="密粒AS" localSheetId="4">#REF!</definedName>
    <definedName name="密粒AS" localSheetId="5">#REF!</definedName>
    <definedName name="密粒AS" localSheetId="6">#REF!</definedName>
    <definedName name="密粒AS" localSheetId="7">#REF!</definedName>
    <definedName name="密粒AS" localSheetId="8">#REF!</definedName>
    <definedName name="密粒AS" localSheetId="0">#REF!</definedName>
    <definedName name="密粒AS" localSheetId="2">#REF!</definedName>
    <definedName name="密粒AS">#REF!</definedName>
    <definedName name="名称" localSheetId="4">#REF!</definedName>
    <definedName name="名称" localSheetId="5">#REF!</definedName>
    <definedName name="名称" localSheetId="6">#REF!</definedName>
    <definedName name="名称" localSheetId="7">#REF!</definedName>
    <definedName name="名称" localSheetId="8">#REF!</definedName>
    <definedName name="名称" localSheetId="2">#REF!</definedName>
    <definedName name="名称">#REF!</definedName>
    <definedName name="面積" localSheetId="4">#REF!</definedName>
    <definedName name="面積" localSheetId="5">#REF!</definedName>
    <definedName name="面積" localSheetId="6">#REF!</definedName>
    <definedName name="面積" localSheetId="7">#REF!</definedName>
    <definedName name="面積" localSheetId="8">#REF!</definedName>
    <definedName name="面積" localSheetId="2">#REF!</definedName>
    <definedName name="面積">#REF!</definedName>
    <definedName name="目細区分">'[22]入力データ(H27用シート連動）'!$T$2:$T$20</definedName>
    <definedName name="問い合せ" localSheetId="4">#REF!</definedName>
    <definedName name="問い合せ" localSheetId="5">#REF!</definedName>
    <definedName name="問い合せ" localSheetId="6">#REF!</definedName>
    <definedName name="問い合せ" localSheetId="7">#REF!</definedName>
    <definedName name="問い合せ" localSheetId="8">#REF!</definedName>
    <definedName name="問い合せ" localSheetId="2">#REF!</definedName>
    <definedName name="問い合せ">#REF!</definedName>
    <definedName name="役務" localSheetId="4">#REF!</definedName>
    <definedName name="役務" localSheetId="5">#REF!</definedName>
    <definedName name="役務" localSheetId="6">#REF!</definedName>
    <definedName name="役務" localSheetId="7">#REF!</definedName>
    <definedName name="役務" localSheetId="8">#REF!</definedName>
    <definedName name="役務" localSheetId="0">#REF!</definedName>
    <definedName name="役務" localSheetId="2">#REF!</definedName>
    <definedName name="役務">#REF!</definedName>
    <definedName name="薬注回数">[65]条件!$E$23</definedName>
    <definedName name="薬注時間">[65]条件!$C$24</definedName>
    <definedName name="薬注頻度">[65]条件!$C$23</definedName>
    <definedName name="薬品洗浄費" localSheetId="4">#REF!</definedName>
    <definedName name="薬品洗浄費" localSheetId="5">#REF!</definedName>
    <definedName name="薬品洗浄費" localSheetId="6">#REF!</definedName>
    <definedName name="薬品洗浄費" localSheetId="7">#REF!</definedName>
    <definedName name="薬品洗浄費" localSheetId="8">#REF!</definedName>
    <definedName name="薬品洗浄費" localSheetId="9">#REF!</definedName>
    <definedName name="薬品洗浄費" localSheetId="2">#REF!</definedName>
    <definedName name="薬品洗浄費">#REF!</definedName>
    <definedName name="輸送１" localSheetId="4">#REF!</definedName>
    <definedName name="輸送１" localSheetId="5">#REF!</definedName>
    <definedName name="輸送１" localSheetId="6">#REF!</definedName>
    <definedName name="輸送１" localSheetId="7">#REF!</definedName>
    <definedName name="輸送１" localSheetId="8">#REF!</definedName>
    <definedName name="輸送１" localSheetId="0">#REF!</definedName>
    <definedName name="輸送１" localSheetId="2">#REF!</definedName>
    <definedName name="輸送１">#REF!</definedName>
    <definedName name="輸送費" localSheetId="4">#REF!</definedName>
    <definedName name="輸送費" localSheetId="5">#REF!</definedName>
    <definedName name="輸送費" localSheetId="6">#REF!</definedName>
    <definedName name="輸送費" localSheetId="7">#REF!</definedName>
    <definedName name="輸送費" localSheetId="8">#REF!</definedName>
    <definedName name="輸送費" localSheetId="0">#REF!</definedName>
    <definedName name="輸送費" localSheetId="2">#REF!</definedName>
    <definedName name="輸送費">#REF!</definedName>
    <definedName name="予定価格積算書" localSheetId="4">#REF!</definedName>
    <definedName name="予定価格積算書" localSheetId="5">#REF!</definedName>
    <definedName name="予定価格積算書" localSheetId="6">#REF!</definedName>
    <definedName name="予定価格積算書" localSheetId="7">#REF!</definedName>
    <definedName name="予定価格積算書" localSheetId="8">#REF!</definedName>
    <definedName name="予定価格積算書" localSheetId="2">#REF!</definedName>
    <definedName name="予定価格積算書">#REF!</definedName>
    <definedName name="幼児便器" localSheetId="4">#REF!</definedName>
    <definedName name="幼児便器" localSheetId="5">#REF!</definedName>
    <definedName name="幼児便器" localSheetId="6">#REF!</definedName>
    <definedName name="幼児便器" localSheetId="7">#REF!</definedName>
    <definedName name="幼児便器" localSheetId="8">#REF!</definedName>
    <definedName name="幼児便器" localSheetId="2">#REF!</definedName>
    <definedName name="幼児便器">#REF!</definedName>
    <definedName name="擁壁小" localSheetId="9">[85]工事費内訳表!$H$43</definedName>
    <definedName name="擁壁小">[86]工事費内訳表!$H$43</definedName>
    <definedName name="擁壁大" localSheetId="9">[85]工事費内訳表!$H$69</definedName>
    <definedName name="擁壁大">[86]工事費内訳表!$H$69</definedName>
    <definedName name="洋風便器" localSheetId="4">#REF!</definedName>
    <definedName name="洋風便器" localSheetId="5">#REF!</definedName>
    <definedName name="洋風便器" localSheetId="6">#REF!</definedName>
    <definedName name="洋風便器" localSheetId="7">#REF!</definedName>
    <definedName name="洋風便器" localSheetId="8">#REF!</definedName>
    <definedName name="洋風便器" localSheetId="9">#REF!</definedName>
    <definedName name="洋風便器" localSheetId="2">#REF!</definedName>
    <definedName name="洋風便器">#REF!</definedName>
    <definedName name="溶接工" localSheetId="4">#REF!</definedName>
    <definedName name="溶接工" localSheetId="5">#REF!</definedName>
    <definedName name="溶接工" localSheetId="6">#REF!</definedName>
    <definedName name="溶接工" localSheetId="7">#REF!</definedName>
    <definedName name="溶接工" localSheetId="8">#REF!</definedName>
    <definedName name="溶接工" localSheetId="0">#REF!</definedName>
    <definedName name="溶接工" localSheetId="2">#REF!</definedName>
    <definedName name="溶接工">#REF!</definedName>
    <definedName name="溶接棒" localSheetId="4">#REF!</definedName>
    <definedName name="溶接棒" localSheetId="5">#REF!</definedName>
    <definedName name="溶接棒" localSheetId="6">#REF!</definedName>
    <definedName name="溶接棒" localSheetId="7">#REF!</definedName>
    <definedName name="溶接棒" localSheetId="8">#REF!</definedName>
    <definedName name="溶接棒" localSheetId="0">#REF!</definedName>
    <definedName name="溶接棒" localSheetId="2">#REF!</definedName>
    <definedName name="溶接棒">#REF!</definedName>
    <definedName name="理事_技師長" localSheetId="4">#REF!</definedName>
    <definedName name="理事_技師長" localSheetId="5">#REF!</definedName>
    <definedName name="理事_技師長" localSheetId="6">#REF!</definedName>
    <definedName name="理事_技師長" localSheetId="7">#REF!</definedName>
    <definedName name="理事_技師長" localSheetId="8">#REF!</definedName>
    <definedName name="理事_技師長" localSheetId="2">#REF!</definedName>
    <definedName name="理事_技師長">#REF!</definedName>
    <definedName name="率元" localSheetId="4">#REF!</definedName>
    <definedName name="率元" localSheetId="5">#REF!</definedName>
    <definedName name="率元" localSheetId="6">#REF!</definedName>
    <definedName name="率元" localSheetId="7">#REF!</definedName>
    <definedName name="率元" localSheetId="8">#REF!</definedName>
    <definedName name="率元" localSheetId="0">#REF!</definedName>
    <definedName name="率元" localSheetId="2">#REF!</definedName>
    <definedName name="率元">#REF!</definedName>
    <definedName name="立案冠記号" localSheetId="4">[116]Code!#REF!</definedName>
    <definedName name="立案冠記号" localSheetId="5">[116]Code!#REF!</definedName>
    <definedName name="立案冠記号" localSheetId="6">[116]Code!#REF!</definedName>
    <definedName name="立案冠記号" localSheetId="7">[116]Code!#REF!</definedName>
    <definedName name="立案冠記号" localSheetId="8">[116]Code!#REF!</definedName>
    <definedName name="立案冠記号" localSheetId="2">[116]Code!#REF!</definedName>
    <definedName name="立案冠記号">[116]Code!#REF!</definedName>
    <definedName name="粒調砕石Mｰ30" localSheetId="4">#REF!</definedName>
    <definedName name="粒調砕石Mｰ30" localSheetId="5">#REF!</definedName>
    <definedName name="粒調砕石Mｰ30" localSheetId="6">#REF!</definedName>
    <definedName name="粒調砕石Mｰ30" localSheetId="7">#REF!</definedName>
    <definedName name="粒調砕石Mｰ30" localSheetId="8">#REF!</definedName>
    <definedName name="粒調砕石Mｰ30" localSheetId="0">#REF!</definedName>
    <definedName name="粒調砕石Mｰ30" localSheetId="2">#REF!</definedName>
    <definedName name="粒調砕石Mｰ30">#REF!</definedName>
    <definedName name="鈴鹿市" localSheetId="4">#REF!</definedName>
    <definedName name="鈴鹿市" localSheetId="5">#REF!</definedName>
    <definedName name="鈴鹿市" localSheetId="6">#REF!</definedName>
    <definedName name="鈴鹿市" localSheetId="7">#REF!</definedName>
    <definedName name="鈴鹿市" localSheetId="8">#REF!</definedName>
    <definedName name="鈴鹿市" localSheetId="2">#REF!</definedName>
    <definedName name="鈴鹿市">#REF!</definedName>
    <definedName name="鈴木" localSheetId="9" hidden="1">{"設定1",#N/A,FALSE,"第5号-1";"設定2",#N/A,FALSE,"第5号-1"}</definedName>
    <definedName name="鈴木" localSheetId="0" hidden="1">{"設定1",#N/A,FALSE,"第5号-1";"設定2",#N/A,FALSE,"第5号-1"}</definedName>
    <definedName name="鈴木" hidden="1">{"設定1",#N/A,FALSE,"第5号-1";"設定2",#N/A,FALSE,"第5号-1"}</definedName>
    <definedName name="鈴木_1" localSheetId="9" hidden="1">{"設定1",#N/A,FALSE,"第5号-1";"設定2",#N/A,FALSE,"第5号-1"}</definedName>
    <definedName name="鈴木_1" localSheetId="0" hidden="1">{"設定1",#N/A,FALSE,"第5号-1";"設定2",#N/A,FALSE,"第5号-1"}</definedName>
    <definedName name="鈴木_1" hidden="1">{"設定1",#N/A,FALSE,"第5号-1";"設定2",#N/A,FALSE,"第5号-1"}</definedName>
    <definedName name="列数">[65]条件!$C$9</definedName>
    <definedName name="列幅変更" localSheetId="4">#REF!</definedName>
    <definedName name="列幅変更" localSheetId="5">#REF!</definedName>
    <definedName name="列幅変更" localSheetId="6">#REF!</definedName>
    <definedName name="列幅変更" localSheetId="7">#REF!</definedName>
    <definedName name="列幅変更" localSheetId="8">#REF!</definedName>
    <definedName name="列幅変更" localSheetId="9">#REF!</definedName>
    <definedName name="列幅変更" localSheetId="2">#REF!</definedName>
    <definedName name="列幅変更">#REF!</definedName>
    <definedName name="路床砕石" localSheetId="4">#REF!</definedName>
    <definedName name="路床砕石" localSheetId="5">#REF!</definedName>
    <definedName name="路床砕石" localSheetId="6">#REF!</definedName>
    <definedName name="路床砕石" localSheetId="7">#REF!</definedName>
    <definedName name="路床砕石" localSheetId="8">#REF!</definedName>
    <definedName name="路床砕石" localSheetId="0">#REF!</definedName>
    <definedName name="路床砕石" localSheetId="2">#REF!</definedName>
    <definedName name="路床砕石">#REF!</definedName>
    <definedName name="労務" localSheetId="4">#REF!</definedName>
    <definedName name="労務" localSheetId="5">#REF!</definedName>
    <definedName name="労務" localSheetId="6">#REF!</definedName>
    <definedName name="労務" localSheetId="7">#REF!</definedName>
    <definedName name="労務" localSheetId="8">#REF!</definedName>
    <definedName name="労務" localSheetId="0">#REF!</definedName>
    <definedName name="労務" localSheetId="2">#REF!</definedName>
    <definedName name="労務">#REF!</definedName>
    <definedName name="労務原価" localSheetId="4">#REF!</definedName>
    <definedName name="労務原価" localSheetId="5">#REF!</definedName>
    <definedName name="労務原価" localSheetId="6">#REF!</definedName>
    <definedName name="労務原価" localSheetId="7">#REF!</definedName>
    <definedName name="労務原価" localSheetId="8">#REF!</definedName>
    <definedName name="労務原価" localSheetId="2">#REF!</definedName>
    <definedName name="労務原価">#REF!</definedName>
    <definedName name="労務単価" localSheetId="4">#REF!</definedName>
    <definedName name="労務単価" localSheetId="5">#REF!</definedName>
    <definedName name="労務単価" localSheetId="6">#REF!</definedName>
    <definedName name="労務単価" localSheetId="7">#REF!</definedName>
    <definedName name="労務単価" localSheetId="8">#REF!</definedName>
    <definedName name="労務単価" localSheetId="2">#REF!</definedName>
    <definedName name="労務単価">#REF!</definedName>
    <definedName name="労務費" localSheetId="4">#REF!</definedName>
    <definedName name="労務費" localSheetId="5">#REF!</definedName>
    <definedName name="労務費" localSheetId="6">#REF!</definedName>
    <definedName name="労務費" localSheetId="7">#REF!</definedName>
    <definedName name="労務費" localSheetId="8">#REF!</definedName>
    <definedName name="労務費" localSheetId="9">[19]経費計算!#REF!</definedName>
    <definedName name="労務費" localSheetId="2">#REF!</definedName>
    <definedName name="労務費">#REF!</definedName>
    <definedName name="労務費１" localSheetId="4">[19]経費計算!#REF!</definedName>
    <definedName name="労務費１" localSheetId="5">[19]経費計算!#REF!</definedName>
    <definedName name="労務費１" localSheetId="6">[19]経費計算!#REF!</definedName>
    <definedName name="労務費１" localSheetId="7">[19]経費計算!#REF!</definedName>
    <definedName name="労務費１" localSheetId="8">[19]経費計算!#REF!</definedName>
    <definedName name="労務費１" localSheetId="2">[19]経費計算!#REF!</definedName>
    <definedName name="労務費１">[19]経費計算!#REF!</definedName>
    <definedName name="労務費2" localSheetId="4">[101]!湯ノ谷印刷</definedName>
    <definedName name="労務費2" localSheetId="5">[101]!湯ノ谷印刷</definedName>
    <definedName name="労務費2" localSheetId="6">[101]!湯ノ谷印刷</definedName>
    <definedName name="労務費2" localSheetId="7">[101]!湯ノ谷印刷</definedName>
    <definedName name="労務費2" localSheetId="8">[101]!湯ノ谷印刷</definedName>
    <definedName name="労務費2" localSheetId="2">[101]!湯ノ谷印刷</definedName>
    <definedName name="労務費2">[101]!湯ノ谷印刷</definedName>
    <definedName name="労務表">[117]労務単価コード!$B$2:$E$64</definedName>
    <definedName name="濾過池配線材料" localSheetId="9" hidden="1">{"設定1",#N/A,FALSE,"第5号-1";"設定2",#N/A,FALSE,"第5号-1"}</definedName>
    <definedName name="濾過池配線材料" hidden="1">{"設定1",#N/A,FALSE,"第5号-1";"設定2",#N/A,FALSE,"第5号-1"}</definedName>
  </definedNames>
  <calcPr calcId="162913"/>
</workbook>
</file>

<file path=xl/sharedStrings.xml><?xml version="1.0" encoding="utf-8"?>
<sst xmlns="http://schemas.openxmlformats.org/spreadsheetml/2006/main" count="1336" uniqueCount="528">
  <si>
    <t>式</t>
    <rPh sb="0" eb="1">
      <t>シキ</t>
    </rPh>
    <phoneticPr fontId="5"/>
  </si>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共通仮設費</t>
    <rPh sb="0" eb="2">
      <t>キョウツウ</t>
    </rPh>
    <rPh sb="2" eb="4">
      <t>カセツ</t>
    </rPh>
    <rPh sb="4" eb="5">
      <t>ヒ</t>
    </rPh>
    <phoneticPr fontId="5"/>
  </si>
  <si>
    <t>共通仮設費率計算額</t>
    <rPh sb="5" eb="6">
      <t>リツ</t>
    </rPh>
    <rPh sb="6" eb="8">
      <t>ケイサン</t>
    </rPh>
    <rPh sb="8" eb="9">
      <t>ガク</t>
    </rPh>
    <phoneticPr fontId="5"/>
  </si>
  <si>
    <t>純工事費</t>
    <rPh sb="0" eb="1">
      <t>ジュン</t>
    </rPh>
    <rPh sb="1" eb="4">
      <t>コウジヒ</t>
    </rPh>
    <phoneticPr fontId="5"/>
  </si>
  <si>
    <t>現場管理費</t>
    <rPh sb="0" eb="2">
      <t>ゲンバ</t>
    </rPh>
    <rPh sb="2" eb="4">
      <t>カンリ</t>
    </rPh>
    <rPh sb="4" eb="5">
      <t>ヒ</t>
    </rPh>
    <phoneticPr fontId="5"/>
  </si>
  <si>
    <t>現場管理費率計算額</t>
    <rPh sb="0" eb="2">
      <t>ゲンバ</t>
    </rPh>
    <rPh sb="2" eb="4">
      <t>カンリ</t>
    </rPh>
    <rPh sb="4" eb="5">
      <t>ヒ</t>
    </rPh>
    <rPh sb="5" eb="6">
      <t>リツ</t>
    </rPh>
    <rPh sb="6" eb="8">
      <t>ケイサン</t>
    </rPh>
    <rPh sb="8" eb="9">
      <t>ガク</t>
    </rPh>
    <phoneticPr fontId="5"/>
  </si>
  <si>
    <t>工事原価</t>
    <rPh sb="0" eb="2">
      <t>コウジ</t>
    </rPh>
    <rPh sb="2" eb="4">
      <t>ゲンカ</t>
    </rPh>
    <phoneticPr fontId="5"/>
  </si>
  <si>
    <t>一般管理費等</t>
    <rPh sb="0" eb="2">
      <t>イッパン</t>
    </rPh>
    <rPh sb="2" eb="4">
      <t>カンリ</t>
    </rPh>
    <rPh sb="4" eb="5">
      <t>ヒ</t>
    </rPh>
    <rPh sb="5" eb="6">
      <t>ナド</t>
    </rPh>
    <phoneticPr fontId="5"/>
  </si>
  <si>
    <t>一般管理費率計算額</t>
    <rPh sb="0" eb="2">
      <t>イッパン</t>
    </rPh>
    <rPh sb="2" eb="5">
      <t>カンリヒ</t>
    </rPh>
    <rPh sb="5" eb="6">
      <t>リツ</t>
    </rPh>
    <rPh sb="6" eb="8">
      <t>ケイサン</t>
    </rPh>
    <rPh sb="8" eb="9">
      <t>ガク</t>
    </rPh>
    <phoneticPr fontId="5"/>
  </si>
  <si>
    <t>摘　　　　　　要</t>
    <phoneticPr fontId="5"/>
  </si>
  <si>
    <t>直接工事費</t>
    <phoneticPr fontId="5"/>
  </si>
  <si>
    <t>費    目</t>
  </si>
  <si>
    <t>工    種</t>
  </si>
  <si>
    <t>種      別</t>
  </si>
  <si>
    <t>細    別</t>
  </si>
  <si>
    <t>単  位</t>
  </si>
  <si>
    <t>数    量</t>
  </si>
  <si>
    <t>単    価</t>
  </si>
  <si>
    <t>金      額</t>
  </si>
  <si>
    <t>摘        要</t>
  </si>
  <si>
    <t>設  計  書  用  紙　　　　　　　四日市市上下水道局</t>
    <rPh sb="20" eb="24">
      <t>ヨッカイチシ</t>
    </rPh>
    <rPh sb="24" eb="26">
      <t>ジョウゲ</t>
    </rPh>
    <rPh sb="26" eb="29">
      <t>スイドウキョク</t>
    </rPh>
    <phoneticPr fontId="3"/>
  </si>
  <si>
    <t>数　量</t>
    <phoneticPr fontId="5"/>
  </si>
  <si>
    <t>単　位</t>
    <phoneticPr fontId="5"/>
  </si>
  <si>
    <t>単　　価</t>
    <phoneticPr fontId="5"/>
  </si>
  <si>
    <t>金　　額</t>
    <phoneticPr fontId="5"/>
  </si>
  <si>
    <t>種　　　別</t>
    <phoneticPr fontId="5"/>
  </si>
  <si>
    <t>細　　　別</t>
    <phoneticPr fontId="5"/>
  </si>
  <si>
    <t>摘　　　要</t>
    <phoneticPr fontId="5"/>
  </si>
  <si>
    <t>費　　目</t>
    <phoneticPr fontId="5"/>
  </si>
  <si>
    <t>工　　種</t>
    <phoneticPr fontId="5"/>
  </si>
  <si>
    <t>式</t>
    <rPh sb="0" eb="1">
      <t>シキ</t>
    </rPh>
    <phoneticPr fontId="3"/>
  </si>
  <si>
    <t>別途製作の</t>
    <rPh sb="0" eb="2">
      <t>ベット</t>
    </rPh>
    <rPh sb="2" eb="4">
      <t>セイサク</t>
    </rPh>
    <phoneticPr fontId="3"/>
  </si>
  <si>
    <t>製作費</t>
    <rPh sb="0" eb="2">
      <t>セイサク</t>
    </rPh>
    <rPh sb="2" eb="3">
      <t>ヒ</t>
    </rPh>
    <phoneticPr fontId="3"/>
  </si>
  <si>
    <t>機器購入費</t>
    <rPh sb="0" eb="2">
      <t>キキ</t>
    </rPh>
    <rPh sb="2" eb="5">
      <t>コウニュウヒ</t>
    </rPh>
    <phoneticPr fontId="3"/>
  </si>
  <si>
    <t>機器費（非支給材）</t>
    <rPh sb="0" eb="2">
      <t>キキ</t>
    </rPh>
    <rPh sb="2" eb="3">
      <t>ヒ</t>
    </rPh>
    <rPh sb="4" eb="5">
      <t>ヒ</t>
    </rPh>
    <rPh sb="5" eb="7">
      <t>シキュウ</t>
    </rPh>
    <rPh sb="7" eb="8">
      <t>ザイ</t>
    </rPh>
    <phoneticPr fontId="3"/>
  </si>
  <si>
    <t>工　事　設　計　書</t>
    <rPh sb="0" eb="1">
      <t>コウ</t>
    </rPh>
    <rPh sb="2" eb="3">
      <t>コト</t>
    </rPh>
    <rPh sb="4" eb="5">
      <t>セツ</t>
    </rPh>
    <rPh sb="6" eb="7">
      <t>ケイ</t>
    </rPh>
    <rPh sb="8" eb="9">
      <t>ショ</t>
    </rPh>
    <phoneticPr fontId="84"/>
  </si>
  <si>
    <t>四日市市上下水道局</t>
    <rPh sb="0" eb="4">
      <t>ヨッカイチシ</t>
    </rPh>
    <rPh sb="4" eb="6">
      <t>ジョウゲ</t>
    </rPh>
    <rPh sb="6" eb="9">
      <t>スイドウキョク</t>
    </rPh>
    <phoneticPr fontId="3"/>
  </si>
  <si>
    <t>第　　号</t>
    <rPh sb="0" eb="1">
      <t>ダイ</t>
    </rPh>
    <rPh sb="3" eb="4">
      <t>ゴウ</t>
    </rPh>
    <phoneticPr fontId="84"/>
  </si>
  <si>
    <t>審査</t>
    <rPh sb="0" eb="2">
      <t>シンサ</t>
    </rPh>
    <phoneticPr fontId="84"/>
  </si>
  <si>
    <t>課長</t>
    <rPh sb="0" eb="2">
      <t>カチョウ</t>
    </rPh>
    <phoneticPr fontId="84"/>
  </si>
  <si>
    <t>課長
補佐</t>
    <rPh sb="0" eb="2">
      <t>カチョウ</t>
    </rPh>
    <rPh sb="3" eb="5">
      <t>ホサ</t>
    </rPh>
    <phoneticPr fontId="84"/>
  </si>
  <si>
    <t>係長</t>
    <rPh sb="0" eb="1">
      <t>カカリ</t>
    </rPh>
    <rPh sb="1" eb="2">
      <t>チョウ</t>
    </rPh>
    <phoneticPr fontId="84"/>
  </si>
  <si>
    <t>工  事  名</t>
    <rPh sb="0" eb="1">
      <t>コウ</t>
    </rPh>
    <rPh sb="3" eb="4">
      <t>ジ</t>
    </rPh>
    <rPh sb="6" eb="7">
      <t>ナ</t>
    </rPh>
    <phoneticPr fontId="3"/>
  </si>
  <si>
    <t>係</t>
    <rPh sb="0" eb="1">
      <t>カカリ</t>
    </rPh>
    <phoneticPr fontId="84"/>
  </si>
  <si>
    <t>工      費</t>
    <rPh sb="0" eb="1">
      <t>コウ</t>
    </rPh>
    <rPh sb="7" eb="8">
      <t>ヒ</t>
    </rPh>
    <phoneticPr fontId="3"/>
  </si>
  <si>
    <t>一金</t>
    <rPh sb="0" eb="1">
      <t>イチ</t>
    </rPh>
    <rPh sb="1" eb="2">
      <t>キン</t>
    </rPh>
    <phoneticPr fontId="84"/>
  </si>
  <si>
    <t>円也</t>
    <rPh sb="0" eb="1">
      <t>エン</t>
    </rPh>
    <rPh sb="1" eb="2">
      <t>ナリ</t>
    </rPh>
    <phoneticPr fontId="84"/>
  </si>
  <si>
    <t>設計</t>
    <rPh sb="0" eb="2">
      <t>セッケイ</t>
    </rPh>
    <phoneticPr fontId="84"/>
  </si>
  <si>
    <t>工      期</t>
    <rPh sb="0" eb="1">
      <t>コウ</t>
    </rPh>
    <rPh sb="7" eb="8">
      <t>キ</t>
    </rPh>
    <phoneticPr fontId="3"/>
  </si>
  <si>
    <t>検算</t>
    <rPh sb="0" eb="2">
      <t>ケンザン</t>
    </rPh>
    <phoneticPr fontId="84"/>
  </si>
  <si>
    <t>契約の日から</t>
    <rPh sb="0" eb="2">
      <t>ケイヤク</t>
    </rPh>
    <rPh sb="3" eb="4">
      <t>ヒ</t>
    </rPh>
    <phoneticPr fontId="84"/>
  </si>
  <si>
    <t>限り</t>
    <rPh sb="0" eb="1">
      <t>カギ</t>
    </rPh>
    <phoneticPr fontId="84"/>
  </si>
  <si>
    <t>工　　　事　　　の　　　概　　　要</t>
    <rPh sb="0" eb="1">
      <t>コウ</t>
    </rPh>
    <rPh sb="4" eb="5">
      <t>コト</t>
    </rPh>
    <rPh sb="12" eb="13">
      <t>オオムネ</t>
    </rPh>
    <rPh sb="16" eb="17">
      <t>ヨウ</t>
    </rPh>
    <phoneticPr fontId="84"/>
  </si>
  <si>
    <t>起　　　工　　　理　　　由</t>
    <rPh sb="0" eb="1">
      <t>オ</t>
    </rPh>
    <rPh sb="4" eb="5">
      <t>コウ</t>
    </rPh>
    <rPh sb="8" eb="9">
      <t>リ</t>
    </rPh>
    <rPh sb="12" eb="13">
      <t>ヨシ</t>
    </rPh>
    <phoneticPr fontId="84"/>
  </si>
  <si>
    <t>設　計　書　用　紙</t>
    <phoneticPr fontId="84"/>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3"/>
  </si>
  <si>
    <t>資整</t>
    <rPh sb="0" eb="1">
      <t>シ</t>
    </rPh>
    <rPh sb="1" eb="2">
      <t>ヒトシ</t>
    </rPh>
    <phoneticPr fontId="84"/>
  </si>
  <si>
    <t>令和　　　年　　　月　　　日</t>
    <rPh sb="0" eb="1">
      <t>レイ</t>
    </rPh>
    <rPh sb="1" eb="2">
      <t>ワ</t>
    </rPh>
    <rPh sb="5" eb="6">
      <t>ネン</t>
    </rPh>
    <rPh sb="9" eb="10">
      <t>ガツ</t>
    </rPh>
    <rPh sb="13" eb="14">
      <t>ニチ</t>
    </rPh>
    <phoneticPr fontId="84"/>
  </si>
  <si>
    <t>人</t>
  </si>
  <si>
    <t>工事価格</t>
    <rPh sb="0" eb="2">
      <t>コウジ</t>
    </rPh>
    <rPh sb="2" eb="4">
      <t>カカク</t>
    </rPh>
    <phoneticPr fontId="3"/>
  </si>
  <si>
    <t>ｍ</t>
  </si>
  <si>
    <t>別紙A-2号明細書</t>
    <rPh sb="0" eb="2">
      <t>ベッシ</t>
    </rPh>
    <rPh sb="6" eb="9">
      <t>メイサイショ</t>
    </rPh>
    <phoneticPr fontId="3"/>
  </si>
  <si>
    <t>別紙B-2号明細書</t>
    <rPh sb="0" eb="2">
      <t>ベッシ</t>
    </rPh>
    <rPh sb="6" eb="9">
      <t>メイサイショ</t>
    </rPh>
    <phoneticPr fontId="3"/>
  </si>
  <si>
    <t>施 工 地 名</t>
    <rPh sb="0" eb="1">
      <t>シ</t>
    </rPh>
    <rPh sb="2" eb="3">
      <t>コウ</t>
    </rPh>
    <rPh sb="4" eb="5">
      <t>チ</t>
    </rPh>
    <rPh sb="6" eb="7">
      <t>ナ</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上水道電気工事</t>
    <rPh sb="0" eb="3">
      <t>ジョウスイドウ</t>
    </rPh>
    <rPh sb="3" eb="5">
      <t>デンキ</t>
    </rPh>
    <rPh sb="5" eb="7">
      <t>コウジ</t>
    </rPh>
    <phoneticPr fontId="3"/>
  </si>
  <si>
    <t>積算基準</t>
    <rPh sb="0" eb="2">
      <t>セキサン</t>
    </rPh>
    <rPh sb="2" eb="4">
      <t>キジュン</t>
    </rPh>
    <phoneticPr fontId="3"/>
  </si>
  <si>
    <t>単価適用日</t>
    <rPh sb="0" eb="2">
      <t>タンカ</t>
    </rPh>
    <rPh sb="2" eb="4">
      <t>テキヨウ</t>
    </rPh>
    <rPh sb="4" eb="5">
      <t>ヒ</t>
    </rPh>
    <phoneticPr fontId="3"/>
  </si>
  <si>
    <t>建設機械等損料表 平成29年度版</t>
    <rPh sb="4" eb="5">
      <t>ナド</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工程関係</t>
    <rPh sb="0" eb="2">
      <t>コウテイ</t>
    </rPh>
    <rPh sb="2" eb="4">
      <t>カンケイ</t>
    </rPh>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施工時期及び施工時間</t>
    <rPh sb="0" eb="2">
      <t>セコウ</t>
    </rPh>
    <rPh sb="2" eb="4">
      <t>ジキ</t>
    </rPh>
    <rPh sb="4" eb="5">
      <t>オヨ</t>
    </rPh>
    <rPh sb="6" eb="8">
      <t>セコウ</t>
    </rPh>
    <rPh sb="8" eb="10">
      <t>ジカン</t>
    </rPh>
    <phoneticPr fontId="3"/>
  </si>
  <si>
    <t>施工方法</t>
    <rPh sb="0" eb="2">
      <t>セコウ</t>
    </rPh>
    <rPh sb="2" eb="4">
      <t>ホウホウ</t>
    </rPh>
    <phoneticPr fontId="3"/>
  </si>
  <si>
    <t>他機関との協議</t>
    <rPh sb="0" eb="3">
      <t>タキカン</t>
    </rPh>
    <rPh sb="5" eb="7">
      <t>キョウギ</t>
    </rPh>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完了見込み時期</t>
  </si>
  <si>
    <t>平成</t>
    <rPh sb="0" eb="2">
      <t>ヘイセイ</t>
    </rPh>
    <phoneticPr fontId="3"/>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事業損失防止に関する調査あり</t>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制限を受ける工種</t>
    <rPh sb="1" eb="3">
      <t>セイゲン</t>
    </rPh>
    <rPh sb="4" eb="5">
      <t>ウ</t>
    </rPh>
    <rPh sb="7" eb="9">
      <t>コウシュ</t>
    </rPh>
    <phoneticPr fontId="3"/>
  </si>
  <si>
    <t>・制限内容</t>
    <rPh sb="1" eb="3">
      <t>セイゲン</t>
    </rPh>
    <rPh sb="3" eb="5">
      <t>ナイヨウ</t>
    </rPh>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Km)</t>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産業廃棄物の処分地</t>
    <rPh sb="0" eb="2">
      <t>サンギョウ</t>
    </rPh>
    <rPh sb="2" eb="5">
      <t>ハイキブツ</t>
    </rPh>
    <rPh sb="6" eb="8">
      <t>ショブン</t>
    </rPh>
    <rPh sb="8" eb="9">
      <t>チ</t>
    </rPh>
    <phoneticPr fontId="3"/>
  </si>
  <si>
    <t>再生処分地</t>
    <rPh sb="0" eb="2">
      <t>サイセイ</t>
    </rPh>
    <rPh sb="2" eb="4">
      <t>ショブン</t>
    </rPh>
    <rPh sb="4" eb="5">
      <t>チ</t>
    </rPh>
    <phoneticPr fontId="3"/>
  </si>
  <si>
    <t>三重県環境保全事業団</t>
    <rPh sb="0" eb="3">
      <t>ミエケン</t>
    </rPh>
    <rPh sb="3" eb="5">
      <t>カンキョウ</t>
    </rPh>
    <rPh sb="5" eb="7">
      <t>ホゼン</t>
    </rPh>
    <rPh sb="7" eb="10">
      <t>ジギョウダン</t>
    </rPh>
    <phoneticPr fontId="57"/>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鉄くず：スクラップ控除</t>
    <rPh sb="0" eb="1">
      <t>テツ</t>
    </rPh>
    <rPh sb="9" eb="11">
      <t>コウジョ</t>
    </rPh>
    <phoneticPr fontId="57"/>
  </si>
  <si>
    <t>提出書類</t>
    <rPh sb="0" eb="2">
      <t>テイシュツ</t>
    </rPh>
    <rPh sb="2" eb="4">
      <t>ショルイ</t>
    </rPh>
    <phoneticPr fontId="3"/>
  </si>
  <si>
    <t>処分場の受入条件</t>
    <rPh sb="0" eb="3">
      <t>ショブンジョウ</t>
    </rPh>
    <rPh sb="4" eb="6">
      <t>ウケイレ</t>
    </rPh>
    <rPh sb="6" eb="8">
      <t>ジョウケン</t>
    </rPh>
    <phoneticPr fontId="3"/>
  </si>
  <si>
    <t>マニフェストの写し</t>
    <rPh sb="7" eb="8">
      <t>ウツ</t>
    </rPh>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防護</t>
    <rPh sb="0" eb="2">
      <t>ボウゴ</t>
    </rPh>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57"/>
  </si>
  <si>
    <t>撤去機器</t>
    <rPh sb="0" eb="2">
      <t>テッキョ</t>
    </rPh>
    <rPh sb="2" eb="4">
      <t>キキ</t>
    </rPh>
    <phoneticPr fontId="57"/>
  </si>
  <si>
    <t>撤去電線類</t>
    <rPh sb="0" eb="2">
      <t>テッキョ</t>
    </rPh>
    <rPh sb="2" eb="4">
      <t>デンセン</t>
    </rPh>
    <rPh sb="4" eb="5">
      <t>ルイ</t>
    </rPh>
    <phoneticPr fontId="57"/>
  </si>
  <si>
    <t>その他</t>
    <rPh sb="2" eb="3">
      <t>タ</t>
    </rPh>
    <phoneticPr fontId="57"/>
  </si>
  <si>
    <t>（</t>
    <phoneticPr fontId="57"/>
  </si>
  <si>
    <t>ton）</t>
    <phoneticPr fontId="57"/>
  </si>
  <si>
    <t>支給品あり</t>
    <rPh sb="0" eb="2">
      <t>シキュウ</t>
    </rPh>
    <rPh sb="2" eb="3">
      <t>ヒン</t>
    </rPh>
    <phoneticPr fontId="3"/>
  </si>
  <si>
    <t>品名</t>
    <rPh sb="0" eb="2">
      <t>ヒンメイ</t>
    </rPh>
    <phoneticPr fontId="3"/>
  </si>
  <si>
    <t>数量</t>
    <rPh sb="0" eb="2">
      <t>スウリョウ</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日</t>
    <rPh sb="0" eb="1">
      <t>ニチ</t>
    </rPh>
    <phoneticPr fontId="3"/>
  </si>
  <si>
    <t>引渡場所、時期は別途協議</t>
    <rPh sb="0" eb="2">
      <t>ヒキワタ</t>
    </rPh>
    <rPh sb="2" eb="4">
      <t>バショ</t>
    </rPh>
    <rPh sb="5" eb="7">
      <t>ジキ</t>
    </rPh>
    <rPh sb="8" eb="10">
      <t>ベット</t>
    </rPh>
    <rPh sb="10" eb="12">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随時検査</t>
    <rPh sb="0" eb="2">
      <t>ズイジ</t>
    </rPh>
    <rPh sb="2" eb="4">
      <t>ケンサ</t>
    </rPh>
    <phoneticPr fontId="3"/>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適用条件</t>
    <rPh sb="0" eb="2">
      <t>テキヨウ</t>
    </rPh>
    <rPh sb="2" eb="4">
      <t>ジョウケン</t>
    </rPh>
    <phoneticPr fontId="3"/>
  </si>
  <si>
    <t>「土木構造物設計マニュアル（案）</t>
    <rPh sb="1" eb="3">
      <t>ドボク</t>
    </rPh>
    <rPh sb="3" eb="5">
      <t>コウゾウ</t>
    </rPh>
    <rPh sb="5" eb="6">
      <t>ブツ</t>
    </rPh>
    <rPh sb="6" eb="8">
      <t>セッケイ</t>
    </rPh>
    <rPh sb="14" eb="15">
      <t>アン</t>
    </rPh>
    <phoneticPr fontId="3"/>
  </si>
  <si>
    <t>（注）</t>
    <rPh sb="1" eb="2">
      <t>チュウ</t>
    </rPh>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監視制御設備上位側との対向試験などの調整</t>
    <rPh sb="0" eb="2">
      <t>カンシ</t>
    </rPh>
    <rPh sb="2" eb="4">
      <t>セイギョ</t>
    </rPh>
    <rPh sb="4" eb="6">
      <t>セツビ</t>
    </rPh>
    <rPh sb="6" eb="8">
      <t>ジョウイ</t>
    </rPh>
    <rPh sb="8" eb="9">
      <t>ガワ</t>
    </rPh>
    <rPh sb="11" eb="13">
      <t>タイコウ</t>
    </rPh>
    <rPh sb="13" eb="15">
      <t>シケン</t>
    </rPh>
    <rPh sb="18" eb="20">
      <t>チョウセイ</t>
    </rPh>
    <phoneticPr fontId="57"/>
  </si>
  <si>
    <t>機器費</t>
    <rPh sb="0" eb="2">
      <t>キキ</t>
    </rPh>
    <rPh sb="2" eb="3">
      <t>ヒ</t>
    </rPh>
    <phoneticPr fontId="5"/>
  </si>
  <si>
    <t>スクラップ控除</t>
    <phoneticPr fontId="3"/>
  </si>
  <si>
    <t>高岡配水池</t>
    <rPh sb="0" eb="2">
      <t>タカオカ</t>
    </rPh>
    <rPh sb="2" eb="5">
      <t>ハイスイチ</t>
    </rPh>
    <phoneticPr fontId="5"/>
  </si>
  <si>
    <t>笹川団地配水池</t>
    <rPh sb="0" eb="2">
      <t>ササガワ</t>
    </rPh>
    <rPh sb="2" eb="4">
      <t>ダンチ</t>
    </rPh>
    <rPh sb="4" eb="7">
      <t>ハイスイチ</t>
    </rPh>
    <phoneticPr fontId="5"/>
  </si>
  <si>
    <t>羽津山加圧ポンプ所</t>
    <rPh sb="0" eb="2">
      <t>ハヅ</t>
    </rPh>
    <rPh sb="2" eb="3">
      <t>ヤマ</t>
    </rPh>
    <rPh sb="3" eb="5">
      <t>カアツ</t>
    </rPh>
    <rPh sb="8" eb="9">
      <t>ショ</t>
    </rPh>
    <phoneticPr fontId="5"/>
  </si>
  <si>
    <t>水沢配水池</t>
    <rPh sb="0" eb="2">
      <t>スイザワ</t>
    </rPh>
    <rPh sb="2" eb="5">
      <t>ハイスイチ</t>
    </rPh>
    <phoneticPr fontId="5"/>
  </si>
  <si>
    <t>直接経費</t>
    <rPh sb="0" eb="2">
      <t>チョクセツ</t>
    </rPh>
    <rPh sb="2" eb="4">
      <t>ケイヒ</t>
    </rPh>
    <phoneticPr fontId="5"/>
  </si>
  <si>
    <t>水沢谷町配水池</t>
    <rPh sb="0" eb="2">
      <t>スイザワ</t>
    </rPh>
    <rPh sb="2" eb="3">
      <t>タニ</t>
    </rPh>
    <rPh sb="3" eb="4">
      <t>マチ</t>
    </rPh>
    <rPh sb="4" eb="7">
      <t>ハイスイチ</t>
    </rPh>
    <phoneticPr fontId="5"/>
  </si>
  <si>
    <t>スクラップ控除</t>
    <rPh sb="5" eb="7">
      <t>コウジョ</t>
    </rPh>
    <phoneticPr fontId="5"/>
  </si>
  <si>
    <t>スクラップ控除費計</t>
    <rPh sb="5" eb="7">
      <t>コウジョ</t>
    </rPh>
    <rPh sb="7" eb="8">
      <t>ヒ</t>
    </rPh>
    <rPh sb="8" eb="9">
      <t>ケイ</t>
    </rPh>
    <phoneticPr fontId="5"/>
  </si>
  <si>
    <t>令和1年度水道事業実務必携に記載の請負工事積算基準「構造物工事（浄水場等）」にて積算</t>
    <rPh sb="0" eb="2">
      <t>レイワ</t>
    </rPh>
    <rPh sb="3" eb="5">
      <t>ネンド</t>
    </rPh>
    <rPh sb="5" eb="7">
      <t>スイドウ</t>
    </rPh>
    <rPh sb="7" eb="9">
      <t>ジギョウ</t>
    </rPh>
    <rPh sb="9" eb="11">
      <t>ジツム</t>
    </rPh>
    <rPh sb="11" eb="13">
      <t>ヒッケイ</t>
    </rPh>
    <rPh sb="14" eb="16">
      <t>キサイ</t>
    </rPh>
    <rPh sb="17" eb="19">
      <t>ウケオイ</t>
    </rPh>
    <rPh sb="19" eb="21">
      <t>コウジ</t>
    </rPh>
    <rPh sb="21" eb="23">
      <t>セキサン</t>
    </rPh>
    <rPh sb="23" eb="25">
      <t>キジュン</t>
    </rPh>
    <rPh sb="26" eb="29">
      <t>コウゾウブツ</t>
    </rPh>
    <rPh sb="29" eb="31">
      <t>コウジ</t>
    </rPh>
    <rPh sb="32" eb="36">
      <t>ジョウスイジョウナド</t>
    </rPh>
    <rPh sb="40" eb="42">
      <t>セキサン</t>
    </rPh>
    <phoneticPr fontId="5"/>
  </si>
  <si>
    <t>三滝西水源系配水池ほか遠方監視設備更新工事</t>
    <rPh sb="0" eb="2">
      <t>ミタキ</t>
    </rPh>
    <rPh sb="2" eb="3">
      <t>ニシ</t>
    </rPh>
    <rPh sb="3" eb="5">
      <t>スイゲン</t>
    </rPh>
    <rPh sb="5" eb="6">
      <t>ケイ</t>
    </rPh>
    <rPh sb="6" eb="9">
      <t>ハイスイチ</t>
    </rPh>
    <rPh sb="11" eb="13">
      <t>エンポウ</t>
    </rPh>
    <rPh sb="13" eb="15">
      <t>カンシ</t>
    </rPh>
    <rPh sb="15" eb="17">
      <t>セツビ</t>
    </rPh>
    <rPh sb="17" eb="19">
      <t>コウシン</t>
    </rPh>
    <rPh sb="19" eb="21">
      <t>コウジ</t>
    </rPh>
    <phoneticPr fontId="3"/>
  </si>
  <si>
    <t>令和　２・３　年度</t>
    <rPh sb="0" eb="1">
      <t>レイ</t>
    </rPh>
    <rPh sb="1" eb="2">
      <t>ワ</t>
    </rPh>
    <phoneticPr fontId="57"/>
  </si>
  <si>
    <t>四日市市水沢町ほか４町地内</t>
    <rPh sb="4" eb="6">
      <t>スイザワ</t>
    </rPh>
    <rPh sb="6" eb="7">
      <t>チョウ</t>
    </rPh>
    <rPh sb="10" eb="11">
      <t>チョウ</t>
    </rPh>
    <phoneticPr fontId="3"/>
  </si>
  <si>
    <t>式</t>
  </si>
  <si>
    <t>電線管類付属材料</t>
  </si>
  <si>
    <t>水源管理センター</t>
    <rPh sb="0" eb="2">
      <t>スイゲン</t>
    </rPh>
    <rPh sb="2" eb="4">
      <t>カンリ</t>
    </rPh>
    <phoneticPr fontId="5"/>
  </si>
  <si>
    <t>積算資料　令和２年９月</t>
    <rPh sb="0" eb="2">
      <t>セキサン</t>
    </rPh>
    <rPh sb="2" eb="4">
      <t>シリョウ</t>
    </rPh>
    <rPh sb="5" eb="6">
      <t>レイ</t>
    </rPh>
    <rPh sb="6" eb="7">
      <t>ワ</t>
    </rPh>
    <rPh sb="8" eb="9">
      <t>ネン</t>
    </rPh>
    <rPh sb="10" eb="11">
      <t>ガツ</t>
    </rPh>
    <phoneticPr fontId="3"/>
  </si>
  <si>
    <t>建設物価　令和２年９月</t>
    <rPh sb="0" eb="2">
      <t>ケンセツ</t>
    </rPh>
    <rPh sb="2" eb="4">
      <t>ブッカ</t>
    </rPh>
    <rPh sb="5" eb="6">
      <t>レイ</t>
    </rPh>
    <rPh sb="6" eb="7">
      <t>ワ</t>
    </rPh>
    <phoneticPr fontId="3"/>
  </si>
  <si>
    <t>水道事業実務必携　令和１年制定版</t>
    <rPh sb="4" eb="6">
      <t>ジツム</t>
    </rPh>
    <rPh sb="9" eb="11">
      <t>レイワ</t>
    </rPh>
    <phoneticPr fontId="3"/>
  </si>
  <si>
    <t>遠方監視設備更新 一式
　・配水池　　　　４か所
　・加圧ポンプ所　１か所
上記設備の製作・据付および既設撤去・配線工事　一式</t>
    <rPh sb="0" eb="2">
      <t>エンポウ</t>
    </rPh>
    <rPh sb="2" eb="4">
      <t>カンシ</t>
    </rPh>
    <rPh sb="4" eb="6">
      <t>セツビ</t>
    </rPh>
    <rPh sb="9" eb="11">
      <t>イッシキ</t>
    </rPh>
    <rPh sb="14" eb="17">
      <t>ハイスイチ</t>
    </rPh>
    <rPh sb="23" eb="24">
      <t>ショ</t>
    </rPh>
    <rPh sb="27" eb="29">
      <t>カアツ</t>
    </rPh>
    <rPh sb="32" eb="33">
      <t>ショ</t>
    </rPh>
    <rPh sb="36" eb="37">
      <t>ショ</t>
    </rPh>
    <rPh sb="38" eb="40">
      <t>ジョウキ</t>
    </rPh>
    <rPh sb="40" eb="42">
      <t>セツビ</t>
    </rPh>
    <rPh sb="43" eb="45">
      <t>セイサク</t>
    </rPh>
    <rPh sb="46" eb="48">
      <t>スエツケ</t>
    </rPh>
    <rPh sb="51" eb="53">
      <t>キセツ</t>
    </rPh>
    <rPh sb="53" eb="55">
      <t>テッキョ</t>
    </rPh>
    <rPh sb="56" eb="58">
      <t>ハイセン</t>
    </rPh>
    <rPh sb="58" eb="60">
      <t>コウジ</t>
    </rPh>
    <rPh sb="61" eb="63">
      <t>イッシキ</t>
    </rPh>
    <phoneticPr fontId="3"/>
  </si>
  <si>
    <t>　本工事は第３期水道施設整備計画に基づき、配水池及び加圧ポンプ所の遠方監視設備一式を更新するものである。</t>
    <rPh sb="21" eb="24">
      <t>ハイスイチ</t>
    </rPh>
    <rPh sb="24" eb="25">
      <t>オヨ</t>
    </rPh>
    <rPh sb="26" eb="28">
      <t>カアツ</t>
    </rPh>
    <rPh sb="31" eb="32">
      <t>ショ</t>
    </rPh>
    <rPh sb="33" eb="35">
      <t>エンポウ</t>
    </rPh>
    <rPh sb="35" eb="37">
      <t>カンシ</t>
    </rPh>
    <rPh sb="37" eb="39">
      <t>セツビ</t>
    </rPh>
    <rPh sb="39" eb="41">
      <t>イッシキ</t>
    </rPh>
    <rPh sb="42" eb="44">
      <t>コウシン</t>
    </rPh>
    <phoneticPr fontId="3"/>
  </si>
  <si>
    <t xml:space="preserve">三重県県土整備部制定-令和2年8月制定版-積算基準    </t>
    <rPh sb="11" eb="13">
      <t>レイワ</t>
    </rPh>
    <phoneticPr fontId="3"/>
  </si>
  <si>
    <t>建築コスト情報　令和2年7月</t>
    <rPh sb="0" eb="2">
      <t>ケンチク</t>
    </rPh>
    <rPh sb="5" eb="7">
      <t>ジョウホウ</t>
    </rPh>
    <rPh sb="8" eb="9">
      <t>レイ</t>
    </rPh>
    <rPh sb="9" eb="10">
      <t>ワ</t>
    </rPh>
    <rPh sb="11" eb="12">
      <t>ネン</t>
    </rPh>
    <rPh sb="13" eb="14">
      <t>ガツ</t>
    </rPh>
    <phoneticPr fontId="3"/>
  </si>
  <si>
    <t>建築施工単価　令和2年7月</t>
    <rPh sb="0" eb="2">
      <t>ケンチク</t>
    </rPh>
    <rPh sb="2" eb="4">
      <t>セコウ</t>
    </rPh>
    <rPh sb="4" eb="6">
      <t>タンカ</t>
    </rPh>
    <rPh sb="7" eb="8">
      <t>レイ</t>
    </rPh>
    <rPh sb="8" eb="9">
      <t>ワ</t>
    </rPh>
    <rPh sb="10" eb="11">
      <t>ネン</t>
    </rPh>
    <rPh sb="12" eb="13">
      <t>ガツ</t>
    </rPh>
    <phoneticPr fontId="3"/>
  </si>
  <si>
    <t>機器費</t>
  </si>
  <si>
    <t>機器費計</t>
    <rPh sb="0" eb="2">
      <t>キキ</t>
    </rPh>
    <rPh sb="2" eb="3">
      <t>ヒ</t>
    </rPh>
    <rPh sb="3" eb="4">
      <t>ケイ</t>
    </rPh>
    <phoneticPr fontId="1"/>
  </si>
  <si>
    <t>直接工事費</t>
    <rPh sb="0" eb="2">
      <t>チョクセツ</t>
    </rPh>
    <rPh sb="2" eb="5">
      <t>コウジヒ</t>
    </rPh>
    <phoneticPr fontId="5"/>
  </si>
  <si>
    <t>労務費</t>
    <rPh sb="0" eb="3">
      <t>ロウムヒ</t>
    </rPh>
    <phoneticPr fontId="5"/>
  </si>
  <si>
    <t>式</t>
    <rPh sb="0" eb="1">
      <t>シキ</t>
    </rPh>
    <phoneticPr fontId="1"/>
  </si>
  <si>
    <t>労務費計</t>
    <rPh sb="0" eb="3">
      <t>ロウムヒ</t>
    </rPh>
    <rPh sb="3" eb="4">
      <t>ケイ</t>
    </rPh>
    <phoneticPr fontId="5"/>
  </si>
  <si>
    <t>材料費</t>
    <rPh sb="0" eb="3">
      <t>ザイリョウヒ</t>
    </rPh>
    <phoneticPr fontId="5"/>
  </si>
  <si>
    <t>材料費計</t>
  </si>
  <si>
    <t>水源管理センター</t>
    <rPh sb="0" eb="4">
      <t>スイゲンカンリ</t>
    </rPh>
    <phoneticPr fontId="53"/>
  </si>
  <si>
    <t>直接経費計</t>
    <rPh sb="4" eb="5">
      <t>ケイ</t>
    </rPh>
    <phoneticPr fontId="5"/>
  </si>
  <si>
    <t>複合工費</t>
    <rPh sb="0" eb="2">
      <t>フクゴウ</t>
    </rPh>
    <rPh sb="2" eb="4">
      <t>コウヒ</t>
    </rPh>
    <phoneticPr fontId="53"/>
  </si>
  <si>
    <t>複合工費計</t>
    <rPh sb="0" eb="2">
      <t>フクゴウ</t>
    </rPh>
    <rPh sb="2" eb="4">
      <t>コウヒ</t>
    </rPh>
    <rPh sb="4" eb="5">
      <t>ケイ</t>
    </rPh>
    <phoneticPr fontId="53"/>
  </si>
  <si>
    <t>直接工事費計</t>
    <rPh sb="0" eb="2">
      <t>チョクセツ</t>
    </rPh>
    <rPh sb="2" eb="5">
      <t>コウジヒ</t>
    </rPh>
    <rPh sb="5" eb="6">
      <t>ケイ</t>
    </rPh>
    <phoneticPr fontId="5"/>
  </si>
  <si>
    <t>スクラップ控除</t>
    <rPh sb="5" eb="7">
      <t>コウジョ</t>
    </rPh>
    <phoneticPr fontId="53"/>
  </si>
  <si>
    <t>A-1号明細書</t>
  </si>
  <si>
    <t>機器費</t>
    <rPh sb="0" eb="2">
      <t>キキ</t>
    </rPh>
    <rPh sb="2" eb="3">
      <t>ヒ</t>
    </rPh>
    <phoneticPr fontId="95"/>
  </si>
  <si>
    <t>遠方監視設備</t>
    <rPh sb="0" eb="2">
      <t>エンポウ</t>
    </rPh>
    <rPh sb="2" eb="4">
      <t>カンシ</t>
    </rPh>
    <rPh sb="4" eb="6">
      <t>セツビ</t>
    </rPh>
    <phoneticPr fontId="5"/>
  </si>
  <si>
    <t>式</t>
    <rPh sb="0" eb="1">
      <t>シキ</t>
    </rPh>
    <phoneticPr fontId="53"/>
  </si>
  <si>
    <t>計</t>
    <rPh sb="0" eb="1">
      <t>ケイ</t>
    </rPh>
    <phoneticPr fontId="5"/>
  </si>
  <si>
    <t>A-2号明細書</t>
    <rPh sb="3" eb="4">
      <t>ゴウ</t>
    </rPh>
    <rPh sb="4" eb="6">
      <t>メイサイ</t>
    </rPh>
    <rPh sb="6" eb="7">
      <t>ショ</t>
    </rPh>
    <phoneticPr fontId="5"/>
  </si>
  <si>
    <t>労務費</t>
  </si>
  <si>
    <t>電気通信技術者</t>
    <rPh sb="0" eb="2">
      <t>デンキ</t>
    </rPh>
    <rPh sb="2" eb="4">
      <t>ツウシン</t>
    </rPh>
    <rPh sb="4" eb="7">
      <t>ギジュツシャ</t>
    </rPh>
    <phoneticPr fontId="5"/>
  </si>
  <si>
    <t>新規据付</t>
    <rPh sb="0" eb="2">
      <t>シンキ</t>
    </rPh>
    <rPh sb="2" eb="4">
      <t>スエツケ</t>
    </rPh>
    <phoneticPr fontId="5"/>
  </si>
  <si>
    <t>新規据付</t>
    <rPh sb="0" eb="2">
      <t>シンキ</t>
    </rPh>
    <rPh sb="2" eb="4">
      <t>スエツケ</t>
    </rPh>
    <phoneticPr fontId="53"/>
  </si>
  <si>
    <t>電工</t>
    <rPh sb="0" eb="2">
      <t>デンコウ</t>
    </rPh>
    <phoneticPr fontId="5"/>
  </si>
  <si>
    <t>既設撤去</t>
    <rPh sb="0" eb="2">
      <t>キセツ</t>
    </rPh>
    <rPh sb="2" eb="4">
      <t>テッキョ</t>
    </rPh>
    <phoneticPr fontId="5"/>
  </si>
  <si>
    <t>A-3号明細書</t>
    <rPh sb="3" eb="4">
      <t>ゴウ</t>
    </rPh>
    <rPh sb="4" eb="6">
      <t>メイサイ</t>
    </rPh>
    <rPh sb="6" eb="7">
      <t>ショ</t>
    </rPh>
    <phoneticPr fontId="5"/>
  </si>
  <si>
    <t>電線管類</t>
    <rPh sb="0" eb="3">
      <t>デンセンカン</t>
    </rPh>
    <rPh sb="3" eb="4">
      <t>ルイ</t>
    </rPh>
    <phoneticPr fontId="5"/>
  </si>
  <si>
    <t>GZ28</t>
  </si>
  <si>
    <t>m</t>
  </si>
  <si>
    <t>FEP30</t>
  </si>
  <si>
    <t>FEP50</t>
  </si>
  <si>
    <t>埋設標識シート</t>
    <rPh sb="0" eb="2">
      <t>マイセツ</t>
    </rPh>
    <rPh sb="2" eb="4">
      <t>ヒョウシキ</t>
    </rPh>
    <phoneticPr fontId="5"/>
  </si>
  <si>
    <t>A-4号明細書</t>
    <rPh sb="3" eb="4">
      <t>ゴウ</t>
    </rPh>
    <rPh sb="4" eb="6">
      <t>メイサイ</t>
    </rPh>
    <rPh sb="6" eb="7">
      <t>ショ</t>
    </rPh>
    <phoneticPr fontId="5"/>
  </si>
  <si>
    <t>日</t>
    <rPh sb="0" eb="1">
      <t>ヒ</t>
    </rPh>
    <phoneticPr fontId="53"/>
  </si>
  <si>
    <t>トラックレーンクレーン 4.9t吊</t>
  </si>
  <si>
    <t>台</t>
    <rPh sb="0" eb="1">
      <t>ダイ</t>
    </rPh>
    <phoneticPr fontId="53"/>
  </si>
  <si>
    <t>A-5号明細書</t>
    <rPh sb="3" eb="4">
      <t>ゴウ</t>
    </rPh>
    <rPh sb="4" eb="7">
      <t>メイサイショ</t>
    </rPh>
    <phoneticPr fontId="5"/>
  </si>
  <si>
    <t>複合工費</t>
    <rPh sb="0" eb="2">
      <t>フクゴウ</t>
    </rPh>
    <rPh sb="2" eb="4">
      <t>コウヒ</t>
    </rPh>
    <phoneticPr fontId="5"/>
  </si>
  <si>
    <t>掘削工</t>
    <rPh sb="0" eb="2">
      <t>クッサク</t>
    </rPh>
    <rPh sb="2" eb="3">
      <t>コウ</t>
    </rPh>
    <phoneticPr fontId="5"/>
  </si>
  <si>
    <t>機械</t>
    <rPh sb="0" eb="2">
      <t>キカイ</t>
    </rPh>
    <phoneticPr fontId="5"/>
  </si>
  <si>
    <t>m3</t>
  </si>
  <si>
    <t>埋戻工</t>
    <rPh sb="0" eb="2">
      <t>ウメモド</t>
    </rPh>
    <rPh sb="2" eb="3">
      <t>コウ</t>
    </rPh>
    <phoneticPr fontId="5"/>
  </si>
  <si>
    <t>壁貫通</t>
    <rPh sb="0" eb="1">
      <t>カベ</t>
    </rPh>
    <rPh sb="1" eb="3">
      <t>カンツウ</t>
    </rPh>
    <phoneticPr fontId="53"/>
  </si>
  <si>
    <t>m2</t>
  </si>
  <si>
    <t>A-6号明細書</t>
    <rPh sb="3" eb="4">
      <t>ゴウ</t>
    </rPh>
    <rPh sb="4" eb="7">
      <t>メイサイショ</t>
    </rPh>
    <phoneticPr fontId="5"/>
  </si>
  <si>
    <t>鉄くず　H3</t>
    <rPh sb="0" eb="1">
      <t>テツ</t>
    </rPh>
    <phoneticPr fontId="5"/>
  </si>
  <si>
    <t>t</t>
  </si>
  <si>
    <t>B-1号明細書</t>
  </si>
  <si>
    <t>計</t>
    <rPh sb="0" eb="1">
      <t>ケイ</t>
    </rPh>
    <phoneticPr fontId="53"/>
  </si>
  <si>
    <t>B-2号明細書</t>
  </si>
  <si>
    <t>B-3号明細書</t>
    <rPh sb="3" eb="4">
      <t>ゴウ</t>
    </rPh>
    <rPh sb="4" eb="7">
      <t>メイサイショ</t>
    </rPh>
    <phoneticPr fontId="5"/>
  </si>
  <si>
    <t>電線類</t>
    <rPh sb="0" eb="3">
      <t>デンセンルイ</t>
    </rPh>
    <phoneticPr fontId="53"/>
  </si>
  <si>
    <t>EM-CE 3.5sq-2c</t>
  </si>
  <si>
    <t>EM-IE 5.5sq</t>
  </si>
  <si>
    <t>EM-CEE 1.25sq-20C</t>
  </si>
  <si>
    <t>EM-CEE-S 1.25sq-20C</t>
  </si>
  <si>
    <t>ケーブル</t>
  </si>
  <si>
    <t>電線類付属材料</t>
  </si>
  <si>
    <t>電線管類</t>
    <rPh sb="0" eb="4">
      <t>デンセンカンルイ</t>
    </rPh>
    <phoneticPr fontId="5"/>
  </si>
  <si>
    <t>埋設標識シート</t>
    <rPh sb="0" eb="2">
      <t>マイセツ</t>
    </rPh>
    <rPh sb="2" eb="4">
      <t>ヒョウシキ</t>
    </rPh>
    <phoneticPr fontId="53"/>
  </si>
  <si>
    <t>溶融亜鉛メッキ</t>
    <rPh sb="0" eb="2">
      <t>ヨウユウ</t>
    </rPh>
    <rPh sb="2" eb="4">
      <t>アエン</t>
    </rPh>
    <phoneticPr fontId="53"/>
  </si>
  <si>
    <t>ケーブルラック</t>
  </si>
  <si>
    <t>W=400</t>
  </si>
  <si>
    <t>B-4号明細書</t>
    <rPh sb="3" eb="4">
      <t>ゴウ</t>
    </rPh>
    <rPh sb="4" eb="7">
      <t>メイサイショ</t>
    </rPh>
    <phoneticPr fontId="53"/>
  </si>
  <si>
    <t>直接経費</t>
    <rPh sb="0" eb="2">
      <t>チョクセツ</t>
    </rPh>
    <rPh sb="2" eb="4">
      <t>ケイヒ</t>
    </rPh>
    <phoneticPr fontId="53"/>
  </si>
  <si>
    <t>B-5号明細書</t>
    <rPh sb="3" eb="4">
      <t>ゴウ</t>
    </rPh>
    <rPh sb="4" eb="7">
      <t>メイサイショ</t>
    </rPh>
    <phoneticPr fontId="5"/>
  </si>
  <si>
    <t>掘削工</t>
    <rPh sb="0" eb="2">
      <t>クッサク</t>
    </rPh>
    <rPh sb="2" eb="3">
      <t>コウ</t>
    </rPh>
    <phoneticPr fontId="53"/>
  </si>
  <si>
    <t>機械</t>
    <rPh sb="0" eb="2">
      <t>キカイ</t>
    </rPh>
    <phoneticPr fontId="53"/>
  </si>
  <si>
    <t>アスファルト切断</t>
    <rPh sb="6" eb="8">
      <t>セツダン</t>
    </rPh>
    <phoneticPr fontId="53"/>
  </si>
  <si>
    <t>アスファルト舗装</t>
    <rPh sb="6" eb="8">
      <t>ホソウ</t>
    </rPh>
    <phoneticPr fontId="53"/>
  </si>
  <si>
    <t>A-3-10</t>
  </si>
  <si>
    <t>埋戻工</t>
    <rPh sb="0" eb="1">
      <t>ウ</t>
    </rPh>
    <rPh sb="1" eb="2">
      <t>モド</t>
    </rPh>
    <rPh sb="2" eb="3">
      <t>コウ</t>
    </rPh>
    <phoneticPr fontId="53"/>
  </si>
  <si>
    <t>積み込み</t>
    <rPh sb="0" eb="1">
      <t>ツ</t>
    </rPh>
    <rPh sb="2" eb="3">
      <t>コ</t>
    </rPh>
    <phoneticPr fontId="53"/>
  </si>
  <si>
    <t>日</t>
    <rPh sb="0" eb="1">
      <t>ニチ</t>
    </rPh>
    <phoneticPr fontId="53"/>
  </si>
  <si>
    <t>発生ガラ運搬</t>
    <rPh sb="0" eb="2">
      <t>ハッセイ</t>
    </rPh>
    <rPh sb="4" eb="6">
      <t>ウンパン</t>
    </rPh>
    <phoneticPr fontId="53"/>
  </si>
  <si>
    <t>処分費</t>
    <rPh sb="0" eb="3">
      <t>ショブンヒ</t>
    </rPh>
    <phoneticPr fontId="53"/>
  </si>
  <si>
    <t>アスファルト</t>
  </si>
  <si>
    <t>ｔ</t>
  </si>
  <si>
    <t>B-6号明細書</t>
    <rPh sb="3" eb="4">
      <t>ゴウ</t>
    </rPh>
    <rPh sb="4" eb="7">
      <t>メイサイショ</t>
    </rPh>
    <phoneticPr fontId="5"/>
  </si>
  <si>
    <t>鉄くず　H3</t>
    <rPh sb="0" eb="1">
      <t>テツ</t>
    </rPh>
    <phoneticPr fontId="53"/>
  </si>
  <si>
    <t>C-1号明細書</t>
  </si>
  <si>
    <t>C-2号明細書</t>
  </si>
  <si>
    <t>C-3号明細書</t>
    <rPh sb="3" eb="4">
      <t>ゴウ</t>
    </rPh>
    <rPh sb="4" eb="7">
      <t>メイサイショ</t>
    </rPh>
    <phoneticPr fontId="5"/>
  </si>
  <si>
    <t>EM-CEE 1.25sq-2C</t>
  </si>
  <si>
    <t>EM-CEE-S 1.25sq-10C</t>
  </si>
  <si>
    <t>EM-KPEE 1.25sq-30P</t>
  </si>
  <si>
    <t>縞鋼板</t>
    <rPh sb="0" eb="3">
      <t>シマコウハン</t>
    </rPh>
    <phoneticPr fontId="53"/>
  </si>
  <si>
    <t>枚</t>
    <rPh sb="0" eb="1">
      <t>マイ</t>
    </rPh>
    <phoneticPr fontId="53"/>
  </si>
  <si>
    <t>幅0.9m 高12m未満</t>
  </si>
  <si>
    <t>枠組本足場</t>
  </si>
  <si>
    <t>3ヵ月</t>
  </si>
  <si>
    <t>C-4号明細書</t>
    <rPh sb="3" eb="4">
      <t>ゴウ</t>
    </rPh>
    <rPh sb="4" eb="7">
      <t>メイサイショ</t>
    </rPh>
    <phoneticPr fontId="53"/>
  </si>
  <si>
    <t>C-5号明細書</t>
    <rPh sb="3" eb="4">
      <t>ゴウ</t>
    </rPh>
    <rPh sb="4" eb="7">
      <t>メイサイショ</t>
    </rPh>
    <phoneticPr fontId="5"/>
  </si>
  <si>
    <t>C-６明細書</t>
    <rPh sb="3" eb="6">
      <t>メイサイショ</t>
    </rPh>
    <phoneticPr fontId="53"/>
  </si>
  <si>
    <t>ナゲット処理</t>
    <rPh sb="4" eb="6">
      <t>ショリ</t>
    </rPh>
    <phoneticPr fontId="5"/>
  </si>
  <si>
    <t>銅線</t>
    <rPh sb="0" eb="2">
      <t>ドウセン</t>
    </rPh>
    <phoneticPr fontId="53"/>
  </si>
  <si>
    <t>kg</t>
  </si>
  <si>
    <t>1号銅線</t>
    <rPh sb="1" eb="2">
      <t>ゴウ</t>
    </rPh>
    <rPh sb="2" eb="4">
      <t>ドウセン</t>
    </rPh>
    <phoneticPr fontId="53"/>
  </si>
  <si>
    <t>D-1号明細書</t>
  </si>
  <si>
    <t>D-2号明細書</t>
  </si>
  <si>
    <t>機械設備据付工</t>
    <rPh sb="0" eb="2">
      <t>キカイ</t>
    </rPh>
    <rPh sb="2" eb="4">
      <t>セツビ</t>
    </rPh>
    <rPh sb="4" eb="6">
      <t>スエツケ</t>
    </rPh>
    <rPh sb="6" eb="7">
      <t>コウ</t>
    </rPh>
    <phoneticPr fontId="5"/>
  </si>
  <si>
    <t>ポンプ撤去</t>
    <rPh sb="3" eb="5">
      <t>テッキョ</t>
    </rPh>
    <phoneticPr fontId="5"/>
  </si>
  <si>
    <t>人</t>
    <rPh sb="0" eb="1">
      <t>ニン</t>
    </rPh>
    <phoneticPr fontId="5"/>
  </si>
  <si>
    <t>普通作業員</t>
    <rPh sb="0" eb="2">
      <t>フツウ</t>
    </rPh>
    <rPh sb="2" eb="5">
      <t>サギョウイン</t>
    </rPh>
    <phoneticPr fontId="53"/>
  </si>
  <si>
    <t>ポンプ撤去</t>
    <rPh sb="3" eb="5">
      <t>テッキョ</t>
    </rPh>
    <phoneticPr fontId="53"/>
  </si>
  <si>
    <t>人</t>
    <rPh sb="0" eb="1">
      <t>ニン</t>
    </rPh>
    <phoneticPr fontId="53"/>
  </si>
  <si>
    <t>D-3号明細書</t>
    <rPh sb="3" eb="4">
      <t>ゴウ</t>
    </rPh>
    <rPh sb="4" eb="7">
      <t>メイサイショ</t>
    </rPh>
    <phoneticPr fontId="5"/>
  </si>
  <si>
    <t>電線類</t>
    <rPh sb="0" eb="3">
      <t>デンセンルイ</t>
    </rPh>
    <phoneticPr fontId="5"/>
  </si>
  <si>
    <t>EM-CEE 1.25sq-15C</t>
  </si>
  <si>
    <t>EM-CEE 1.25sq-6C</t>
  </si>
  <si>
    <t>EM-KPEE 1.25sq-5P</t>
  </si>
  <si>
    <t>電線管類</t>
    <rPh sb="0" eb="3">
      <t>デンセンカン</t>
    </rPh>
    <rPh sb="3" eb="4">
      <t>ルイ</t>
    </rPh>
    <phoneticPr fontId="53"/>
  </si>
  <si>
    <t>電線管類</t>
    <rPh sb="0" eb="4">
      <t>デンセンカンルイ</t>
    </rPh>
    <phoneticPr fontId="53"/>
  </si>
  <si>
    <t>D-4号明細書</t>
    <rPh sb="3" eb="4">
      <t>ゴウ</t>
    </rPh>
    <rPh sb="4" eb="7">
      <t>メイサイショ</t>
    </rPh>
    <phoneticPr fontId="5"/>
  </si>
  <si>
    <t>蓄電池処分費</t>
    <rPh sb="0" eb="3">
      <t>チクデンチ</t>
    </rPh>
    <rPh sb="3" eb="6">
      <t>ショブンヒ</t>
    </rPh>
    <phoneticPr fontId="53"/>
  </si>
  <si>
    <t>D-5号明細書</t>
    <rPh sb="3" eb="4">
      <t>ゴウ</t>
    </rPh>
    <rPh sb="4" eb="7">
      <t>メイサイショ</t>
    </rPh>
    <phoneticPr fontId="5"/>
  </si>
  <si>
    <t>D-６明細書</t>
    <rPh sb="3" eb="6">
      <t>メイサイショ</t>
    </rPh>
    <phoneticPr fontId="53"/>
  </si>
  <si>
    <t>鉄くず　H1</t>
    <rPh sb="0" eb="1">
      <t>テツ</t>
    </rPh>
    <phoneticPr fontId="53"/>
  </si>
  <si>
    <t>E-1号明細書</t>
  </si>
  <si>
    <t>E-2号明細書</t>
  </si>
  <si>
    <t>E-3号明細書</t>
    <rPh sb="3" eb="4">
      <t>ゴウ</t>
    </rPh>
    <rPh sb="4" eb="7">
      <t>メイサイショ</t>
    </rPh>
    <phoneticPr fontId="5"/>
  </si>
  <si>
    <t>EM-CEE 2sq-15c</t>
  </si>
  <si>
    <t>EM-CEE-S 2sq-2C</t>
  </si>
  <si>
    <t>EM-IE 14sq</t>
  </si>
  <si>
    <t>計</t>
  </si>
  <si>
    <t>（機器費）</t>
    <rPh sb="1" eb="3">
      <t>キキ</t>
    </rPh>
    <rPh sb="3" eb="4">
      <t>ヒ</t>
    </rPh>
    <phoneticPr fontId="5"/>
  </si>
  <si>
    <t>遠方監視設備</t>
    <rPh sb="0" eb="2">
      <t>エンポウ</t>
    </rPh>
    <rPh sb="2" eb="4">
      <t>カンシ</t>
    </rPh>
    <rPh sb="4" eb="6">
      <t>セツビ</t>
    </rPh>
    <phoneticPr fontId="53"/>
  </si>
  <si>
    <t>（ソフト作成）</t>
    <rPh sb="4" eb="6">
      <t>サクセイ</t>
    </rPh>
    <phoneticPr fontId="5"/>
  </si>
  <si>
    <t>同上試運転調整費</t>
    <rPh sb="0" eb="2">
      <t>ドウジョウ</t>
    </rPh>
    <rPh sb="2" eb="5">
      <t>シウンテン</t>
    </rPh>
    <rPh sb="5" eb="8">
      <t>チョウセイヒ</t>
    </rPh>
    <phoneticPr fontId="5"/>
  </si>
  <si>
    <t>同上輸送費</t>
    <rPh sb="0" eb="2">
      <t>ドウジョウ</t>
    </rPh>
    <rPh sb="2" eb="5">
      <t>ユソウヒ</t>
    </rPh>
    <phoneticPr fontId="5"/>
  </si>
  <si>
    <t>笹川団地配水池</t>
    <rPh sb="0" eb="7">
      <t>ササガワダンチハイスイチ</t>
    </rPh>
    <phoneticPr fontId="5"/>
  </si>
  <si>
    <t>羽津山加圧ポンプ所</t>
  </si>
  <si>
    <t>E-4号明細書</t>
    <rPh sb="3" eb="4">
      <t>ゴウ</t>
    </rPh>
    <rPh sb="4" eb="6">
      <t>メイサイ</t>
    </rPh>
    <rPh sb="6" eb="7">
      <t>ショ</t>
    </rPh>
    <phoneticPr fontId="5"/>
  </si>
  <si>
    <t>F-1号明細書</t>
  </si>
  <si>
    <t>F-2号明細書</t>
  </si>
  <si>
    <t>F-3明細書</t>
    <rPh sb="3" eb="6">
      <t>メイサイショ</t>
    </rPh>
    <phoneticPr fontId="53"/>
  </si>
  <si>
    <t>あり</t>
    <phoneticPr fontId="3"/>
  </si>
  <si>
    <t>なし</t>
    <phoneticPr fontId="3"/>
  </si>
  <si>
    <t>別途工事との工程調整</t>
    <phoneticPr fontId="3"/>
  </si>
  <si>
    <t>制限する工種名</t>
    <phoneticPr fontId="3"/>
  </si>
  <si>
    <t>（</t>
    <phoneticPr fontId="3"/>
  </si>
  <si>
    <t>）</t>
    <phoneticPr fontId="3"/>
  </si>
  <si>
    <t>）</t>
    <phoneticPr fontId="3"/>
  </si>
  <si>
    <t>（</t>
    <phoneticPr fontId="3"/>
  </si>
  <si>
    <t>協議が必要な機関名</t>
    <phoneticPr fontId="3"/>
  </si>
  <si>
    <t>協議完了見込み時期</t>
    <phoneticPr fontId="3"/>
  </si>
  <si>
    <t>）</t>
    <phoneticPr fontId="3"/>
  </si>
  <si>
    <t>№</t>
    <phoneticPr fontId="3"/>
  </si>
  <si>
    <t>～</t>
    <phoneticPr fontId="3"/>
  </si>
  <si>
    <t>№</t>
    <phoneticPr fontId="3"/>
  </si>
  <si>
    <t>（</t>
    <phoneticPr fontId="3"/>
  </si>
  <si>
    <t>）</t>
    <phoneticPr fontId="3"/>
  </si>
  <si>
    <t>（L=</t>
    <phoneticPr fontId="3"/>
  </si>
  <si>
    <t>Km）</t>
    <phoneticPr fontId="3"/>
  </si>
  <si>
    <t>（</t>
    <phoneticPr fontId="3"/>
  </si>
  <si>
    <t>①騒音、振動の抑制に努める。</t>
    <phoneticPr fontId="3"/>
  </si>
  <si>
    <t>②排出ガス対策建設機械を使用する。</t>
    <phoneticPr fontId="3"/>
  </si>
  <si>
    <t>別途協議</t>
    <phoneticPr fontId="3"/>
  </si>
  <si>
    <t>別途協議</t>
    <phoneticPr fontId="3"/>
  </si>
  <si>
    <t>交通安全施設等の指定あり</t>
    <phoneticPr fontId="3"/>
  </si>
  <si>
    <t>(</t>
    <phoneticPr fontId="3"/>
  </si>
  <si>
    <t>)</t>
    <phoneticPr fontId="3"/>
  </si>
  <si>
    <t>(</t>
    <phoneticPr fontId="3"/>
  </si>
  <si>
    <t>ガス</t>
    <phoneticPr fontId="3"/>
  </si>
  <si>
    <t>(</t>
    <phoneticPr fontId="3"/>
  </si>
  <si>
    <t>）</t>
    <phoneticPr fontId="3"/>
  </si>
  <si>
    <t>（</t>
    <phoneticPr fontId="3"/>
  </si>
  <si>
    <t>土砂崩落・発破作業に対する防護施設等に指定あり</t>
    <phoneticPr fontId="3"/>
  </si>
  <si>
    <t>)</t>
    <phoneticPr fontId="3"/>
  </si>
  <si>
    <t>仮設備関係</t>
    <phoneticPr fontId="3"/>
  </si>
  <si>
    <t>（L=</t>
    <phoneticPr fontId="3"/>
  </si>
  <si>
    <t>（処分先については監督員に工事打合簿にて提出すること）</t>
    <phoneticPr fontId="3"/>
  </si>
  <si>
    <t>（L＝</t>
    <phoneticPr fontId="3"/>
  </si>
  <si>
    <t>Km)</t>
    <phoneticPr fontId="3"/>
  </si>
  <si>
    <t>（</t>
    <phoneticPr fontId="3"/>
  </si>
  <si>
    <t>ガス</t>
    <phoneticPr fontId="3"/>
  </si>
  <si>
    <t>（</t>
    <phoneticPr fontId="3"/>
  </si>
  <si>
    <t>）</t>
    <phoneticPr fontId="3"/>
  </si>
  <si>
    <t>）</t>
    <phoneticPr fontId="3"/>
  </si>
  <si>
    <t>（</t>
    <phoneticPr fontId="57"/>
  </si>
  <si>
    <t>kg）</t>
    <phoneticPr fontId="57"/>
  </si>
  <si>
    <t>kg）</t>
    <phoneticPr fontId="57"/>
  </si>
  <si>
    <t>）</t>
    <phoneticPr fontId="3"/>
  </si>
  <si>
    <t>（</t>
    <phoneticPr fontId="3"/>
  </si>
  <si>
    <t>）</t>
    <phoneticPr fontId="3"/>
  </si>
  <si>
    <t>（</t>
    <phoneticPr fontId="3"/>
  </si>
  <si>
    <t>Ｌ＝</t>
    <phoneticPr fontId="3"/>
  </si>
  <si>
    <t>Km)</t>
    <phoneticPr fontId="3"/>
  </si>
  <si>
    <t>（</t>
    <phoneticPr fontId="3"/>
  </si>
  <si>
    <t>(</t>
    <phoneticPr fontId="3"/>
  </si>
  <si>
    <t>)</t>
    <phoneticPr fontId="3"/>
  </si>
  <si>
    <t>上記受託業務事項・条件および内容のレ印当該欄は作業に当たって制約を受けることになるので明示する。</t>
    <phoneticPr fontId="3"/>
  </si>
  <si>
    <t>別紙A-１号明細書</t>
    <rPh sb="0" eb="2">
      <t>ベッシ</t>
    </rPh>
    <rPh sb="6" eb="9">
      <t>メイサイショ</t>
    </rPh>
    <phoneticPr fontId="3"/>
  </si>
  <si>
    <t>別紙B-１号明細書</t>
    <rPh sb="0" eb="2">
      <t>ベッシ</t>
    </rPh>
    <rPh sb="6" eb="9">
      <t>メイサイショ</t>
    </rPh>
    <phoneticPr fontId="3"/>
  </si>
  <si>
    <t>別紙C-１号明細書</t>
    <rPh sb="0" eb="2">
      <t>ベッシ</t>
    </rPh>
    <rPh sb="6" eb="9">
      <t>メイサイショ</t>
    </rPh>
    <phoneticPr fontId="3"/>
  </si>
  <si>
    <t>別紙D-１号明細書</t>
    <rPh sb="0" eb="2">
      <t>ベッシ</t>
    </rPh>
    <rPh sb="6" eb="9">
      <t>メイサイショ</t>
    </rPh>
    <phoneticPr fontId="3"/>
  </si>
  <si>
    <t>別紙E-１号明細書</t>
    <rPh sb="0" eb="2">
      <t>ベッシ</t>
    </rPh>
    <rPh sb="6" eb="9">
      <t>メイサイショ</t>
    </rPh>
    <phoneticPr fontId="3"/>
  </si>
  <si>
    <t>別紙C-2号明細書</t>
    <phoneticPr fontId="3"/>
  </si>
  <si>
    <t>別紙D-2号明細書</t>
    <phoneticPr fontId="3"/>
  </si>
  <si>
    <t>別紙E-2号明細書</t>
    <phoneticPr fontId="3"/>
  </si>
  <si>
    <t>別紙F-1号明細書</t>
    <phoneticPr fontId="3"/>
  </si>
  <si>
    <t>別紙A-3号明細書</t>
    <rPh sb="0" eb="2">
      <t>ベッシ</t>
    </rPh>
    <rPh sb="6" eb="9">
      <t>メイサイショ</t>
    </rPh>
    <phoneticPr fontId="3"/>
  </si>
  <si>
    <t>別紙B-3号明細書</t>
    <rPh sb="0" eb="2">
      <t>ベッシ</t>
    </rPh>
    <rPh sb="6" eb="9">
      <t>メイサイショ</t>
    </rPh>
    <phoneticPr fontId="3"/>
  </si>
  <si>
    <t>別紙C-3号明細書</t>
    <rPh sb="0" eb="2">
      <t>ベッシ</t>
    </rPh>
    <rPh sb="6" eb="9">
      <t>メイサイショ</t>
    </rPh>
    <phoneticPr fontId="3"/>
  </si>
  <si>
    <t>別紙D-3号明細書</t>
    <rPh sb="0" eb="2">
      <t>ベッシ</t>
    </rPh>
    <rPh sb="6" eb="9">
      <t>メイサイショ</t>
    </rPh>
    <phoneticPr fontId="3"/>
  </si>
  <si>
    <t>別紙E-3号明細書</t>
    <rPh sb="0" eb="2">
      <t>ベッシ</t>
    </rPh>
    <rPh sb="6" eb="9">
      <t>メイサイショ</t>
    </rPh>
    <phoneticPr fontId="3"/>
  </si>
  <si>
    <t>別紙A-4号明細書</t>
    <phoneticPr fontId="3"/>
  </si>
  <si>
    <t>別紙B-4号明細書</t>
    <phoneticPr fontId="3"/>
  </si>
  <si>
    <t>別紙C-4号明細書</t>
    <phoneticPr fontId="3"/>
  </si>
  <si>
    <t>別紙D-4号明細書</t>
    <phoneticPr fontId="3"/>
  </si>
  <si>
    <t>別紙E-4号明細書</t>
    <phoneticPr fontId="3"/>
  </si>
  <si>
    <t>別紙F-2号明細書</t>
    <phoneticPr fontId="3"/>
  </si>
  <si>
    <t>別紙A-5号明細書</t>
    <rPh sb="0" eb="2">
      <t>ベッシ</t>
    </rPh>
    <rPh sb="6" eb="9">
      <t>メイサイショ</t>
    </rPh>
    <phoneticPr fontId="3"/>
  </si>
  <si>
    <t>別紙B-5号明細書</t>
    <rPh sb="0" eb="2">
      <t>ベッシ</t>
    </rPh>
    <rPh sb="6" eb="9">
      <t>メイサイショ</t>
    </rPh>
    <phoneticPr fontId="3"/>
  </si>
  <si>
    <t>別紙C-5号明細書</t>
    <rPh sb="0" eb="2">
      <t>ベッシ</t>
    </rPh>
    <rPh sb="6" eb="9">
      <t>メイサイショ</t>
    </rPh>
    <phoneticPr fontId="3"/>
  </si>
  <si>
    <t>別紙D-5号明細書</t>
    <rPh sb="0" eb="2">
      <t>ベッシ</t>
    </rPh>
    <rPh sb="6" eb="9">
      <t>メイサイショ</t>
    </rPh>
    <phoneticPr fontId="3"/>
  </si>
  <si>
    <t>別紙A-6号明細書</t>
    <rPh sb="0" eb="2">
      <t>ベッシ</t>
    </rPh>
    <rPh sb="6" eb="9">
      <t>メイサイショ</t>
    </rPh>
    <phoneticPr fontId="3"/>
  </si>
  <si>
    <t>別紙B-6号明細書</t>
    <rPh sb="0" eb="2">
      <t>ベッシ</t>
    </rPh>
    <rPh sb="6" eb="9">
      <t>メイサイショ</t>
    </rPh>
    <phoneticPr fontId="3"/>
  </si>
  <si>
    <t>別紙C-6号明細書</t>
    <phoneticPr fontId="3"/>
  </si>
  <si>
    <t>別紙D-6号明細書</t>
    <phoneticPr fontId="3"/>
  </si>
  <si>
    <t>別紙F-3号明細書</t>
    <phoneticPr fontId="3"/>
  </si>
  <si>
    <t>三滝西水源系配水池ほか遠方監視設備更新工事</t>
  </si>
  <si>
    <t>四日市市水沢町ほか４町地内</t>
  </si>
  <si>
    <t>三重県公共工事共通仕様書（令和２年８月版）を準用</t>
    <rPh sb="13" eb="15">
      <t>レイワ</t>
    </rPh>
    <phoneticPr fontId="3"/>
  </si>
  <si>
    <t>（部分改定を行った内容も含む（最新改定令和　年　月　日））</t>
    <rPh sb="19" eb="20">
      <t>レイ</t>
    </rPh>
    <rPh sb="20" eb="21">
      <t>ワ</t>
    </rPh>
    <phoneticPr fontId="57"/>
  </si>
  <si>
    <t>令和２年４月１日制定版</t>
    <rPh sb="0" eb="2">
      <t>レイワ</t>
    </rPh>
    <rPh sb="3" eb="4">
      <t>ネン</t>
    </rPh>
    <rPh sb="5" eb="6">
      <t>ガツ</t>
    </rPh>
    <rPh sb="7" eb="8">
      <t>ニチ</t>
    </rPh>
    <rPh sb="8" eb="10">
      <t>セイテイ</t>
    </rPh>
    <rPh sb="10" eb="11">
      <t>バン</t>
    </rPh>
    <phoneticPr fontId="3"/>
  </si>
  <si>
    <t>公共建築工事積算基準平成31年度版</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6">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0.0"/>
    <numFmt numFmtId="182" formatCode="0.000_ "/>
    <numFmt numFmtId="183" formatCode="hh:mm\ \T\K"/>
    <numFmt numFmtId="184" formatCode=";;;"/>
    <numFmt numFmtId="185" formatCode="_(&quot;$&quot;* #,##0_);_(&quot;$&quot;* \(#,##0\);_(&quot;$&quot;* &quot;-&quot;_);_(@_)"/>
    <numFmt numFmtId="186" formatCode="_(&quot;$&quot;* #,##0.00_);_(&quot;$&quot;* \(#,##0.00\);_(&quot;$&quot;* &quot;-&quot;??_);_(@_)"/>
    <numFmt numFmtId="187" formatCode="mm/dd/yy\ h:mm"/>
    <numFmt numFmtId="188" formatCode="mmmm/dd/yyyy\ h:mm"/>
    <numFmt numFmtId="189" formatCode="_-* #,##0.0_-;\-* #,##0.0_-;_-* &quot;-&quot;??_-;_-@_-"/>
    <numFmt numFmtId="190" formatCode="0.00000%"/>
    <numFmt numFmtId="191" formatCode="&quot;¥&quot;#,##0.0;[Red]&quot;¥&quot;\-#,##0.0"/>
    <numFmt numFmtId="192" formatCode="_(* #,##0_);_(* \(#,##0\);_(* &quot;-&quot;??_);_(@_)"/>
    <numFmt numFmtId="193" formatCode="&quot;$&quot;#,##0.00"/>
    <numFmt numFmtId="194" formatCode="#,##0&quot; &quot;"/>
    <numFmt numFmtId="195" formatCode="&quot;[&quot;#,##0&quot;]&quot;"/>
    <numFmt numFmtId="196" formatCode="\(#,##0\)"/>
    <numFmt numFmtId="197" formatCode="#,##0\ &quot;&quot;"/>
    <numFmt numFmtId="198" formatCode="#,##0\ "/>
    <numFmt numFmtId="199" formatCode="#,##0\ &quot; x&quot;"/>
    <numFmt numFmtId="200" formatCode="#,##0.0000;[Red]\-#,##0.0000"/>
    <numFmt numFmtId="201" formatCode="#,##0\ &quot; +&quot;"/>
    <numFmt numFmtId="202" formatCode="#,##0_);[Red]\(#,##0\)"/>
    <numFmt numFmtId="203" formatCode="0.0000_ "/>
    <numFmt numFmtId="204" formatCode="\(\1\+#,##0.0000\)"/>
    <numFmt numFmtId="205" formatCode="&quot;B11/10/P&quot;#"/>
    <numFmt numFmtId="206" formatCode="[$-411]ge\.m\.d;@"/>
    <numFmt numFmtId="207" formatCode="#,##0.0;[Red]\-#,##0.0"/>
    <numFmt numFmtId="208" formatCode="0_ "/>
    <numFmt numFmtId="209" formatCode="#,##0_ ;[Red]\-#,##0\ "/>
    <numFmt numFmtId="210" formatCode="#,##0\ ;\-#,##0\ ;_ * &quot;- &quot;_ ;_ @_ "/>
    <numFmt numFmtId="211" formatCode="_(&quot;¥&quot;* #,##0_);_(&quot;¥&quot;* \(#,##0\);_(&quot;¥&quot;* &quot;-&quot;??_);_(@_)"/>
    <numFmt numFmtId="212" formatCode="###0"/>
    <numFmt numFmtId="213" formatCode="#,##0\-;&quot;▲&quot;#,##0\-"/>
    <numFmt numFmtId="214" formatCode="&quot;¥&quot;#,##0\-;&quot;¥&quot;&quot;▲&quot;#,##0\-"/>
    <numFmt numFmtId="215" formatCode="0.0"/>
    <numFmt numFmtId="216" formatCode="0.0000&quot;)&quot;"/>
    <numFmt numFmtId="217" formatCode="0.000000"/>
    <numFmt numFmtId="218" formatCode="&quot;M&quot;0&quot;明細書&quot;"/>
    <numFmt numFmtId="219" formatCode="#,##0&quot;&quot;"/>
    <numFmt numFmtId="220" formatCode="_ * #,##0.0_ ;_ * \-#,##0.0_ ;_ * &quot;-&quot;_ ;_ @_ "/>
    <numFmt numFmtId="221" formatCode="#,##0\ ;[Red]\-#,##0\ "/>
    <numFmt numFmtId="222" formatCode="###0.0;[Red]\-###0.0"/>
    <numFmt numFmtId="223" formatCode="###0.00;[Red]\-###0.00"/>
    <numFmt numFmtId="224" formatCode="#,##0.000\ ;[Red]\-#,##0.000\ "/>
    <numFmt numFmtId="225" formatCode="_(* #,##0.00_);_(* \(#,##0.00\);_(* &quot;-&quot;??_);_(@_)"/>
    <numFmt numFmtId="226" formatCode="_(* #,##0_);_(* \(#,##0\);_(* &quot;-&quot;_);_(@_)"/>
    <numFmt numFmtId="227" formatCode="0.0_ "/>
    <numFmt numFmtId="228" formatCode="0.00_);[Red]\(0.00\)"/>
    <numFmt numFmtId="229" formatCode="&quot;材料単価No.&quot;#"/>
    <numFmt numFmtId="230" formatCode="&quot;?&quot;#,##0.00;[Red]&quot;?&quot;\-#,##0.00"/>
    <numFmt numFmtId="231" formatCode="#,##0.0_);[Red]\(#,##0.0\)"/>
    <numFmt numFmtId="232" formatCode="#,##0.000_);[Red]\(#,##0.000\)"/>
    <numFmt numFmtId="233" formatCode="#,##0.00_);[Red]\(#,##0.00\)"/>
    <numFmt numFmtId="234" formatCode="#,##0.000;[Red]\-#,##0.000"/>
    <numFmt numFmtId="235" formatCode="#,##0.0&quot; &quot;"/>
    <numFmt numFmtId="236" formatCode="#,##0.0_ ;[Red]\-#,##0.0\ "/>
  </numFmts>
  <fonts count="97">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2"/>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1"/>
      <color indexed="8"/>
      <name val="明朝"/>
      <family val="1"/>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7"/>
      <name val="ＭＳ Ｐ明朝"/>
      <family val="1"/>
      <charset val="128"/>
    </font>
    <font>
      <sz val="6"/>
      <name val="ＭＳ ゴシック"/>
      <family val="3"/>
      <charset val="128"/>
    </font>
    <font>
      <sz val="11"/>
      <name val="ＭＳ ゴシック"/>
      <family val="3"/>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8"/>
      <name val="ＭＳ Ｐ明朝"/>
      <family val="1"/>
      <charset val="128"/>
    </font>
    <font>
      <sz val="11"/>
      <name val="・・"/>
      <family val="1"/>
    </font>
    <font>
      <sz val="12"/>
      <name val="リュウミンライト−ＫＬ"/>
      <family val="3"/>
      <charset val="128"/>
    </font>
    <font>
      <sz val="11"/>
      <name val="標準明朝"/>
      <family val="1"/>
      <charset val="128"/>
    </font>
    <font>
      <sz val="11"/>
      <name val="明朝"/>
      <family val="3"/>
      <charset val="128"/>
    </font>
    <font>
      <sz val="7"/>
      <color theme="1"/>
      <name val="ＭＳ ゴシック"/>
      <family val="3"/>
      <charset val="128"/>
    </font>
    <font>
      <sz val="11"/>
      <color rgb="FFFF0000"/>
      <name val="ＭＳ Ｐ明朝"/>
      <family val="1"/>
      <charset val="128"/>
    </font>
    <font>
      <sz val="6"/>
      <name val="ＭＳ Ｐ明朝"/>
      <family val="1"/>
      <charset val="128"/>
    </font>
    <font>
      <sz val="9"/>
      <name val="ＭＳ Ｐ明朝"/>
      <family val="1"/>
      <charset val="128"/>
    </font>
  </fonts>
  <fills count="32">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
      <patternFill patternType="solid">
        <fgColor theme="0"/>
        <bgColor indexed="64"/>
      </patternFill>
    </fill>
  </fills>
  <borders count="91">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right/>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s>
  <cellStyleXfs count="262">
    <xf numFmtId="0" fontId="0" fillId="0" borderId="0">
      <alignment vertical="center"/>
    </xf>
    <xf numFmtId="185" fontId="14" fillId="0" borderId="0" applyFont="0" applyFill="0" applyBorder="0" applyAlignment="0" applyProtection="0"/>
    <xf numFmtId="186" fontId="14" fillId="0" borderId="0" applyFont="0" applyFill="0" applyBorder="0" applyAlignment="0" applyProtection="0"/>
    <xf numFmtId="0" fontId="14" fillId="0" borderId="0" applyFont="0" applyFill="0" applyBorder="0" applyAlignment="0" applyProtection="0"/>
    <xf numFmtId="0" fontId="14" fillId="0" borderId="0" applyFont="0" applyFill="0" applyBorder="0" applyAlignment="0" applyProtection="0"/>
    <xf numFmtId="0" fontId="14" fillId="0" borderId="0"/>
    <xf numFmtId="9" fontId="14" fillId="2" borderId="0"/>
    <xf numFmtId="178" fontId="33" fillId="0" borderId="1" applyFont="0" applyFill="0" applyBorder="0" applyAlignment="0" applyProtection="0"/>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6" borderId="0" applyNumberFormat="0" applyBorder="0" applyAlignment="0" applyProtection="0">
      <alignment vertical="center"/>
    </xf>
    <xf numFmtId="0" fontId="11" fillId="9" borderId="0" applyNumberFormat="0" applyBorder="0" applyAlignment="0" applyProtection="0">
      <alignment vertical="center"/>
    </xf>
    <xf numFmtId="0" fontId="11" fillId="12" borderId="0" applyNumberFormat="0" applyBorder="0" applyAlignment="0" applyProtection="0">
      <alignment vertical="center"/>
    </xf>
    <xf numFmtId="0" fontId="12" fillId="13"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181"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0" fontId="1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14" fillId="0" borderId="0" applyFont="0" applyFill="0" applyBorder="0" applyAlignment="0" applyProtection="0"/>
    <xf numFmtId="187" fontId="4" fillId="0" borderId="0" applyFont="0" applyFill="0" applyBorder="0" applyAlignment="0" applyProtection="0"/>
    <xf numFmtId="189" fontId="14" fillId="0" borderId="0" applyFont="0" applyFill="0" applyBorder="0" applyAlignment="0" applyProtection="0"/>
    <xf numFmtId="0" fontId="14" fillId="0" borderId="0" applyFont="0" applyFill="0" applyBorder="0" applyAlignment="0" applyProtection="0"/>
    <xf numFmtId="188" fontId="4" fillId="0" borderId="0" applyFont="0" applyFill="0" applyBorder="0" applyAlignment="0" applyProtection="0"/>
    <xf numFmtId="0" fontId="14" fillId="0" borderId="0" applyFont="0" applyFill="0" applyBorder="0" applyAlignment="0" applyProtection="0"/>
    <xf numFmtId="0" fontId="35" fillId="0" borderId="2" applyNumberFormat="0" applyBorder="0">
      <alignment horizontal="centerContinuous"/>
    </xf>
    <xf numFmtId="14" fontId="34" fillId="0" borderId="0" applyFill="0" applyBorder="0" applyAlignment="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36" fillId="0" borderId="0" applyNumberFormat="0" applyFill="0" applyBorder="0" applyAlignment="0" applyProtection="0"/>
    <xf numFmtId="38" fontId="37" fillId="17" borderId="0" applyNumberFormat="0" applyBorder="0" applyAlignment="0" applyProtection="0"/>
    <xf numFmtId="0" fontId="13" fillId="0" borderId="3" applyNumberFormat="0" applyAlignment="0" applyProtection="0">
      <alignment horizontal="left" vertical="center"/>
    </xf>
    <xf numFmtId="0" fontId="13" fillId="0" borderId="4">
      <alignment horizontal="left" vertical="center"/>
    </xf>
    <xf numFmtId="0" fontId="38" fillId="0" borderId="0" applyNumberFormat="0" applyFill="0" applyBorder="0" applyAlignment="0" applyProtection="0">
      <alignment vertical="top"/>
      <protection locked="0"/>
    </xf>
    <xf numFmtId="10" fontId="37" fillId="18" borderId="5" applyNumberFormat="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2" fontId="39" fillId="19" borderId="0"/>
    <xf numFmtId="190" fontId="7" fillId="0" borderId="0"/>
    <xf numFmtId="0" fontId="14" fillId="0" borderId="0"/>
    <xf numFmtId="179" fontId="40" fillId="0" borderId="0" applyFont="0" applyFill="0" applyBorder="0" applyAlignment="0" applyProtection="0"/>
    <xf numFmtId="177" fontId="40" fillId="0" borderId="0" applyFont="0" applyFill="0" applyBorder="0" applyAlignment="0" applyProtection="0"/>
    <xf numFmtId="0" fontId="14" fillId="0" borderId="0" applyFont="0" applyFill="0" applyBorder="0" applyAlignment="0" applyProtection="0"/>
    <xf numFmtId="189" fontId="14" fillId="0" borderId="0" applyFont="0" applyFill="0" applyBorder="0" applyAlignment="0" applyProtection="0"/>
    <xf numFmtId="10" fontId="14" fillId="0" borderId="0" applyFont="0" applyFill="0" applyBorder="0" applyAlignment="0" applyProtection="0"/>
    <xf numFmtId="0" fontId="14" fillId="0" borderId="0" applyFont="0" applyFill="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41" fillId="0" borderId="0"/>
    <xf numFmtId="49" fontId="34" fillId="0" borderId="0" applyFill="0" applyBorder="0" applyAlignment="0"/>
    <xf numFmtId="0" fontId="14" fillId="0" borderId="0" applyFill="0" applyBorder="0" applyAlignment="0"/>
    <xf numFmtId="0" fontId="14" fillId="0" borderId="0" applyFill="0" applyBorder="0" applyAlignment="0"/>
    <xf numFmtId="191" fontId="40" fillId="0" borderId="0" applyFont="0" applyFill="0" applyBorder="0" applyAlignment="0" applyProtection="0"/>
    <xf numFmtId="182" fontId="40" fillId="0" borderId="0" applyFont="0" applyFill="0" applyBorder="0" applyAlignment="0" applyProtection="0"/>
    <xf numFmtId="0" fontId="12" fillId="20" borderId="0" applyNumberFormat="0" applyBorder="0" applyAlignment="0" applyProtection="0">
      <alignment vertical="center"/>
    </xf>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23" borderId="0" applyNumberFormat="0" applyBorder="0" applyAlignment="0" applyProtection="0">
      <alignment vertical="center"/>
    </xf>
    <xf numFmtId="0" fontId="15" fillId="0" borderId="0" applyNumberFormat="0" applyFill="0" applyBorder="0" applyAlignment="0" applyProtection="0">
      <alignment vertical="center"/>
    </xf>
    <xf numFmtId="0" fontId="16" fillId="24" borderId="6" applyNumberFormat="0" applyAlignment="0" applyProtection="0">
      <alignment vertical="center"/>
    </xf>
    <xf numFmtId="0" fontId="17" fillId="25" borderId="0" applyNumberFormat="0" applyBorder="0" applyAlignment="0" applyProtection="0">
      <alignment vertical="center"/>
    </xf>
    <xf numFmtId="192" fontId="29" fillId="0" borderId="0" applyFont="0" applyFill="0" applyBorder="0" applyAlignment="0" applyProtection="0"/>
    <xf numFmtId="193" fontId="29" fillId="0" borderId="0" applyFont="0" applyFill="0" applyBorder="0" applyAlignment="0" applyProtection="0"/>
    <xf numFmtId="9" fontId="4" fillId="0" borderId="0" applyFont="0" applyFill="0" applyBorder="0" applyAlignment="0" applyProtection="0"/>
    <xf numFmtId="0" fontId="42" fillId="0" borderId="0"/>
    <xf numFmtId="0" fontId="4" fillId="26" borderId="7" applyNumberFormat="0" applyFont="0" applyAlignment="0" applyProtection="0">
      <alignment vertical="center"/>
    </xf>
    <xf numFmtId="41" fontId="14" fillId="0" borderId="0" applyFont="0" applyFill="0" applyBorder="0" applyAlignment="0" applyProtection="0"/>
    <xf numFmtId="4" fontId="42" fillId="0" borderId="0" applyFont="0" applyFill="0" applyBorder="0" applyAlignment="0" applyProtection="0"/>
    <xf numFmtId="0" fontId="18" fillId="0" borderId="8" applyNumberFormat="0" applyFill="0" applyAlignment="0" applyProtection="0">
      <alignment vertical="center"/>
    </xf>
    <xf numFmtId="0" fontId="19" fillId="4" borderId="0" applyNumberFormat="0" applyBorder="0" applyAlignment="0" applyProtection="0">
      <alignment vertical="center"/>
    </xf>
    <xf numFmtId="0" fontId="20" fillId="27" borderId="9" applyNumberFormat="0" applyAlignment="0" applyProtection="0">
      <alignment vertical="center"/>
    </xf>
    <xf numFmtId="0" fontId="21" fillId="0" borderId="0" applyNumberFormat="0" applyFill="0" applyBorder="0" applyAlignment="0" applyProtection="0">
      <alignment vertical="center"/>
    </xf>
    <xf numFmtId="38" fontId="4" fillId="0" borderId="0" applyFont="0" applyFill="0" applyBorder="0" applyAlignment="0" applyProtection="0"/>
    <xf numFmtId="3" fontId="33" fillId="0" borderId="0" applyFont="0" applyFill="0" applyBorder="0" applyAlignment="0" applyProtection="0"/>
    <xf numFmtId="0" fontId="33" fillId="0" borderId="1" applyFont="0" applyFill="0" applyBorder="0" applyAlignment="0" applyProtection="0">
      <alignment horizontal="right"/>
    </xf>
    <xf numFmtId="4" fontId="33" fillId="0" borderId="1" applyFont="0" applyFill="0" applyBorder="0" applyAlignment="0" applyProtection="0"/>
    <xf numFmtId="0" fontId="22" fillId="0" borderId="10" applyNumberFormat="0" applyFill="0" applyAlignment="0" applyProtection="0">
      <alignment vertical="center"/>
    </xf>
    <xf numFmtId="0" fontId="23" fillId="0" borderId="11" applyNumberFormat="0" applyFill="0" applyAlignment="0" applyProtection="0">
      <alignment vertical="center"/>
    </xf>
    <xf numFmtId="0" fontId="24" fillId="0" borderId="12" applyNumberFormat="0" applyFill="0" applyAlignment="0" applyProtection="0">
      <alignment vertical="center"/>
    </xf>
    <xf numFmtId="0" fontId="24" fillId="0" borderId="0" applyNumberFormat="0" applyFill="0" applyBorder="0" applyAlignment="0" applyProtection="0">
      <alignment vertical="center"/>
    </xf>
    <xf numFmtId="0" fontId="25" fillId="0" borderId="13" applyNumberFormat="0" applyFill="0" applyAlignment="0" applyProtection="0">
      <alignment vertical="center"/>
    </xf>
    <xf numFmtId="0" fontId="26" fillId="27" borderId="14" applyNumberFormat="0" applyAlignment="0" applyProtection="0">
      <alignment vertical="center"/>
    </xf>
    <xf numFmtId="0" fontId="32" fillId="0" borderId="0">
      <alignment vertical="center"/>
    </xf>
    <xf numFmtId="0" fontId="27" fillId="0" borderId="0" applyNumberFormat="0" applyFill="0" applyBorder="0" applyAlignment="0" applyProtection="0">
      <alignment vertical="center"/>
    </xf>
    <xf numFmtId="0" fontId="14" fillId="0" borderId="0" applyFont="0" applyFill="0" applyBorder="0" applyAlignment="0" applyProtection="0"/>
    <xf numFmtId="0" fontId="14" fillId="0" borderId="0" applyFont="0" applyFill="0" applyBorder="0" applyAlignment="0" applyProtection="0"/>
    <xf numFmtId="0" fontId="28" fillId="8" borderId="9" applyNumberFormat="0" applyAlignment="0" applyProtection="0">
      <alignment vertical="center"/>
    </xf>
    <xf numFmtId="58" fontId="33" fillId="0" borderId="0" applyFont="0" applyFill="0" applyBorder="0" applyAlignment="0" applyProtection="0"/>
    <xf numFmtId="184" fontId="33" fillId="0" borderId="1" applyFont="0" applyFill="0" applyBorder="0" applyAlignment="0" applyProtection="0"/>
    <xf numFmtId="0" fontId="4" fillId="0" borderId="0"/>
    <xf numFmtId="0" fontId="4" fillId="0" borderId="0"/>
    <xf numFmtId="0" fontId="29" fillId="0" borderId="0"/>
    <xf numFmtId="183" fontId="10" fillId="0" borderId="0"/>
    <xf numFmtId="0" fontId="30" fillId="0" borderId="0"/>
    <xf numFmtId="0" fontId="31" fillId="5" borderId="0" applyNumberFormat="0" applyBorder="0" applyAlignment="0" applyProtection="0">
      <alignment vertical="center"/>
    </xf>
    <xf numFmtId="40" fontId="58" fillId="0" borderId="0" applyFont="0" applyFill="0" applyBorder="0" applyAlignment="0" applyProtection="0"/>
    <xf numFmtId="8" fontId="58" fillId="0" borderId="0" applyFont="0" applyFill="0" applyBorder="0" applyAlignment="0" applyProtection="0"/>
    <xf numFmtId="0" fontId="43" fillId="0" borderId="69" applyNumberFormat="0" applyFont="0" applyFill="0" applyAlignment="0" applyProtection="0"/>
    <xf numFmtId="0" fontId="14" fillId="0" borderId="0" applyNumberFormat="0" applyFill="0" applyBorder="0" applyAlignment="0" applyProtection="0"/>
    <xf numFmtId="0" fontId="59" fillId="0" borderId="0" applyNumberFormat="0" applyFill="0" applyBorder="0" applyAlignment="0" applyProtection="0"/>
    <xf numFmtId="0" fontId="37" fillId="0" borderId="0" applyNumberFormat="0" applyFill="0" applyBorder="0" applyAlignment="0" applyProtection="0"/>
    <xf numFmtId="181" fontId="54" fillId="0" borderId="0" applyFill="0" applyBorder="0" applyAlignment="0"/>
    <xf numFmtId="181" fontId="54" fillId="0" borderId="0" applyFill="0" applyBorder="0" applyAlignment="0"/>
    <xf numFmtId="0" fontId="61" fillId="0" borderId="0" applyNumberFormat="0" applyFont="0" applyBorder="0" applyAlignment="0" applyProtection="0"/>
    <xf numFmtId="0" fontId="39" fillId="0" borderId="0">
      <alignment horizontal="left"/>
    </xf>
    <xf numFmtId="0" fontId="55" fillId="0" borderId="0" applyNumberFormat="0" applyFill="0" applyBorder="0" applyAlignment="0" applyProtection="0"/>
    <xf numFmtId="0" fontId="61" fillId="0" borderId="0" applyNumberFormat="0" applyFill="0" applyBorder="0" applyAlignment="0" applyProtection="0"/>
    <xf numFmtId="4" fontId="39" fillId="0" borderId="0">
      <alignment horizontal="right"/>
    </xf>
    <xf numFmtId="0" fontId="60" fillId="0" borderId="0" applyNumberFormat="0" applyFont="0" applyFill="0" applyBorder="0" applyAlignment="0" applyProtection="0">
      <alignment horizontal="left"/>
    </xf>
    <xf numFmtId="0" fontId="62" fillId="0" borderId="32">
      <alignment horizontal="center"/>
    </xf>
    <xf numFmtId="4" fontId="63" fillId="0" borderId="0">
      <alignment horizontal="right"/>
    </xf>
    <xf numFmtId="0" fontId="52" fillId="0" borderId="0"/>
    <xf numFmtId="0" fontId="52" fillId="0" borderId="0"/>
    <xf numFmtId="0" fontId="64" fillId="0" borderId="0">
      <alignment horizontal="left"/>
    </xf>
    <xf numFmtId="0" fontId="60" fillId="0" borderId="0"/>
    <xf numFmtId="0" fontId="65" fillId="0" borderId="0">
      <alignment horizontal="center"/>
    </xf>
    <xf numFmtId="0" fontId="10" fillId="0" borderId="65" applyNumberFormat="0" applyFill="0" applyBorder="0" applyAlignment="0" applyProtection="0">
      <alignment horizontal="distributed" vertical="center" justifyLastLine="1"/>
    </xf>
    <xf numFmtId="0" fontId="66" fillId="28" borderId="0" applyNumberFormat="0" applyBorder="0" applyAlignment="0" applyProtection="0">
      <alignment vertical="center"/>
    </xf>
    <xf numFmtId="210" fontId="45" fillId="0" borderId="0" applyFill="0" applyBorder="0" applyAlignment="0" applyProtection="0">
      <alignment vertical="center"/>
    </xf>
    <xf numFmtId="0" fontId="67" fillId="29" borderId="0">
      <alignment horizontal="right" vertical="top"/>
    </xf>
    <xf numFmtId="0" fontId="66" fillId="28" borderId="0" applyNumberFormat="0" applyBorder="0" applyAlignment="0" applyProtection="0"/>
    <xf numFmtId="211" fontId="7" fillId="19" borderId="48" applyFont="0" applyFill="0" applyBorder="0" applyAlignment="0" applyProtection="0">
      <protection locked="0"/>
    </xf>
    <xf numFmtId="207" fontId="6" fillId="0" borderId="23"/>
    <xf numFmtId="38" fontId="54" fillId="0" borderId="0" applyFont="0" applyFill="0" applyBorder="0" applyAlignment="0" applyProtection="0"/>
    <xf numFmtId="38" fontId="29" fillId="0" borderId="0" applyFont="0" applyFill="0" applyBorder="0" applyAlignment="0" applyProtection="0"/>
    <xf numFmtId="212" fontId="68" fillId="0" borderId="70" applyFill="0" applyBorder="0" applyProtection="0"/>
    <xf numFmtId="213" fontId="33" fillId="0" borderId="62">
      <protection locked="0"/>
    </xf>
    <xf numFmtId="213" fontId="33" fillId="0" borderId="62">
      <protection locked="0"/>
    </xf>
    <xf numFmtId="214" fontId="33" fillId="0" borderId="62">
      <protection locked="0"/>
    </xf>
    <xf numFmtId="0" fontId="30" fillId="0" borderId="71">
      <alignment horizontal="center"/>
    </xf>
    <xf numFmtId="42" fontId="45" fillId="0" borderId="0" applyFill="0" applyBorder="0" applyAlignment="0" applyProtection="0">
      <alignment horizontal="center" vertical="center"/>
    </xf>
    <xf numFmtId="215" fontId="69" fillId="29" borderId="72">
      <alignment horizontal="right"/>
    </xf>
    <xf numFmtId="2" fontId="70" fillId="0" borderId="15">
      <alignment horizontal="center"/>
    </xf>
    <xf numFmtId="0" fontId="71" fillId="0" borderId="0" applyNumberFormat="0" applyFont="0" applyBorder="0" applyAlignment="0" applyProtection="0"/>
    <xf numFmtId="0" fontId="72" fillId="0" borderId="68" applyFill="0" applyBorder="0" applyProtection="0">
      <alignment horizontal="left" vertical="center"/>
    </xf>
    <xf numFmtId="6" fontId="54" fillId="0" borderId="0" applyFont="0" applyFill="0" applyBorder="0" applyAlignment="0" applyProtection="0"/>
    <xf numFmtId="208" fontId="52" fillId="0" borderId="73" applyNumberFormat="0" applyFont="0" applyAlignment="0" applyProtection="0"/>
    <xf numFmtId="0" fontId="54" fillId="0" borderId="0"/>
    <xf numFmtId="0" fontId="73" fillId="0" borderId="0"/>
    <xf numFmtId="0" fontId="33" fillId="0" borderId="0"/>
    <xf numFmtId="0" fontId="10" fillId="0" borderId="0" applyNumberFormat="0" applyBorder="0" applyAlignment="0"/>
    <xf numFmtId="0" fontId="43" fillId="0" borderId="0" applyBorder="0">
      <alignment vertical="center"/>
    </xf>
    <xf numFmtId="0" fontId="29" fillId="0" borderId="0"/>
    <xf numFmtId="206" fontId="4" fillId="0" borderId="0"/>
    <xf numFmtId="206" fontId="2" fillId="0" borderId="0">
      <alignment vertical="center"/>
    </xf>
    <xf numFmtId="38" fontId="33" fillId="0" borderId="0">
      <alignment vertical="center"/>
      <protection hidden="1"/>
    </xf>
    <xf numFmtId="0" fontId="77" fillId="0" borderId="67" applyFill="0" applyBorder="0" applyProtection="0">
      <alignment horizontal="left"/>
    </xf>
    <xf numFmtId="221" fontId="78" fillId="0" borderId="0" applyFill="0" applyBorder="0" applyProtection="0">
      <alignment vertical="center"/>
    </xf>
    <xf numFmtId="222" fontId="77" fillId="0" borderId="0" applyFill="0" applyBorder="0" applyProtection="0">
      <alignment vertical="center"/>
    </xf>
    <xf numFmtId="223" fontId="77" fillId="0" borderId="0" applyFill="0" applyBorder="0" applyProtection="0">
      <alignment vertical="center"/>
    </xf>
    <xf numFmtId="224" fontId="77" fillId="0" borderId="0" applyFill="0" applyBorder="0" applyProtection="0">
      <alignment vertical="center"/>
    </xf>
    <xf numFmtId="0" fontId="7" fillId="0" borderId="0" applyFill="0" applyBorder="0" applyProtection="0">
      <alignment horizontal="center" vertical="center"/>
    </xf>
    <xf numFmtId="0" fontId="61" fillId="0" borderId="0" applyFill="0" applyBorder="0" applyProtection="0">
      <alignment vertical="center"/>
    </xf>
    <xf numFmtId="0" fontId="79" fillId="0" borderId="0" applyFill="0" applyBorder="0" applyProtection="0">
      <alignment vertical="center"/>
    </xf>
    <xf numFmtId="0" fontId="80" fillId="0" borderId="0" applyFill="0" applyBorder="0" applyProtection="0"/>
    <xf numFmtId="0" fontId="81" fillId="0" borderId="0" applyFill="0" applyBorder="0" applyProtection="0">
      <alignment horizontal="left"/>
    </xf>
    <xf numFmtId="0" fontId="33" fillId="0" borderId="0" applyProtection="0">
      <alignment horizontal="center"/>
    </xf>
    <xf numFmtId="0" fontId="29" fillId="0" borderId="0"/>
    <xf numFmtId="0" fontId="29" fillId="0" borderId="0"/>
    <xf numFmtId="0" fontId="29" fillId="0" borderId="0"/>
    <xf numFmtId="0" fontId="4" fillId="0" borderId="0">
      <alignment vertical="center"/>
    </xf>
    <xf numFmtId="38" fontId="4" fillId="0" borderId="0" applyFont="0" applyFill="0" applyBorder="0" applyAlignment="0" applyProtection="0">
      <alignment vertical="center"/>
    </xf>
    <xf numFmtId="0" fontId="78" fillId="0" borderId="0" applyBorder="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71" fillId="30" borderId="0"/>
    <xf numFmtId="0" fontId="71" fillId="30" borderId="0"/>
    <xf numFmtId="0" fontId="71" fillId="30" borderId="0"/>
    <xf numFmtId="0" fontId="71" fillId="30" borderId="0"/>
    <xf numFmtId="0" fontId="71" fillId="30" borderId="0"/>
    <xf numFmtId="0" fontId="71" fillId="30" borderId="0"/>
    <xf numFmtId="0" fontId="71" fillId="30" borderId="0"/>
    <xf numFmtId="0" fontId="71" fillId="30" borderId="0"/>
    <xf numFmtId="0" fontId="45" fillId="0" borderId="19" applyNumberFormat="0" applyFill="0" applyBorder="0" applyAlignment="0" applyProtection="0">
      <alignment vertical="center"/>
    </xf>
    <xf numFmtId="38" fontId="4" fillId="0" borderId="0" applyFont="0" applyFill="0" applyBorder="0" applyAlignment="0" applyProtection="0"/>
    <xf numFmtId="38" fontId="4" fillId="0" borderId="0" applyFont="0" applyFill="0" applyBorder="0" applyAlignment="0" applyProtection="0">
      <alignment vertical="center"/>
    </xf>
    <xf numFmtId="0" fontId="33" fillId="0" borderId="0" applyNumberFormat="0" applyFill="0" applyBorder="0" applyAlignment="0" applyProtection="0"/>
    <xf numFmtId="0" fontId="82" fillId="0" borderId="0">
      <alignment wrapText="1"/>
    </xf>
    <xf numFmtId="0" fontId="43" fillId="0" borderId="0"/>
    <xf numFmtId="0" fontId="45" fillId="0" borderId="0" applyProtection="0">
      <alignment horizontal="center" textRotation="90"/>
    </xf>
    <xf numFmtId="0" fontId="45" fillId="0" borderId="0">
      <alignment horizontal="center" vertical="top" textRotation="90"/>
    </xf>
    <xf numFmtId="0" fontId="45" fillId="0" borderId="0" applyProtection="0">
      <alignment horizontal="center" vertical="center" textRotation="90"/>
    </xf>
    <xf numFmtId="0" fontId="33"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33" fillId="0" borderId="0" applyNumberFormat="0" applyFill="0" applyBorder="0" applyAlignment="0" applyProtection="0">
      <alignment horizontal="left"/>
    </xf>
    <xf numFmtId="0" fontId="4" fillId="0" borderId="0"/>
    <xf numFmtId="0" fontId="4" fillId="0" borderId="0"/>
    <xf numFmtId="0" fontId="4" fillId="0" borderId="0"/>
    <xf numFmtId="0" fontId="4" fillId="0" borderId="0"/>
    <xf numFmtId="0" fontId="4" fillId="0" borderId="0"/>
    <xf numFmtId="0" fontId="4" fillId="0" borderId="0"/>
    <xf numFmtId="0" fontId="10" fillId="0" borderId="0"/>
    <xf numFmtId="0" fontId="4" fillId="0" borderId="76" applyNumberFormat="0" applyBorder="0"/>
    <xf numFmtId="0" fontId="83" fillId="0" borderId="0">
      <alignment vertical="center"/>
    </xf>
    <xf numFmtId="225" fontId="14" fillId="0" borderId="0" applyFont="0" applyFill="0" applyBorder="0" applyAlignment="0" applyProtection="0"/>
    <xf numFmtId="226" fontId="14" fillId="0" borderId="0" applyFont="0" applyFill="0" applyBorder="0" applyAlignment="0" applyProtection="0"/>
    <xf numFmtId="38" fontId="33" fillId="0" borderId="0" applyFont="0" applyFill="0" applyBorder="0" applyAlignment="0" applyProtection="0"/>
    <xf numFmtId="8" fontId="4" fillId="0" borderId="0" applyFont="0" applyFill="0" applyBorder="0" applyAlignment="0" applyProtection="0"/>
    <xf numFmtId="6" fontId="4" fillId="0" borderId="0" applyFont="0" applyFill="0" applyBorder="0" applyAlignment="0" applyProtection="0"/>
    <xf numFmtId="38" fontId="83" fillId="0" borderId="0" applyFont="0" applyFill="0" applyBorder="0" applyAlignment="0" applyProtection="0">
      <alignment vertical="center"/>
    </xf>
    <xf numFmtId="38" fontId="11" fillId="0" borderId="0" applyFont="0" applyFill="0" applyBorder="0" applyAlignment="0" applyProtection="0">
      <alignment vertical="center"/>
    </xf>
    <xf numFmtId="230" fontId="89" fillId="0" borderId="0" applyFont="0" applyFill="0" applyBorder="0" applyAlignment="0" applyProtection="0"/>
    <xf numFmtId="40" fontId="89" fillId="0" borderId="0" applyFont="0" applyFill="0" applyBorder="0" applyAlignment="0" applyProtection="0"/>
    <xf numFmtId="38" fontId="11" fillId="0" borderId="0" applyFont="0" applyFill="0" applyBorder="0" applyAlignment="0" applyProtection="0">
      <alignment vertical="center"/>
    </xf>
    <xf numFmtId="38" fontId="11" fillId="0" borderId="0" applyFont="0" applyFill="0" applyBorder="0" applyAlignment="0" applyProtection="0">
      <alignment vertical="center"/>
    </xf>
    <xf numFmtId="38" fontId="1" fillId="0" borderId="0" applyFont="0" applyFill="0" applyBorder="0" applyAlignment="0" applyProtection="0">
      <alignment vertical="center"/>
    </xf>
    <xf numFmtId="3" fontId="90" fillId="0" borderId="23" applyBorder="0">
      <alignment vertical="center"/>
    </xf>
    <xf numFmtId="3" fontId="90" fillId="0" borderId="23">
      <alignment vertical="center"/>
    </xf>
    <xf numFmtId="3" fontId="90" fillId="0" borderId="89">
      <alignment vertical="center"/>
    </xf>
    <xf numFmtId="3" fontId="90" fillId="0" borderId="90">
      <alignment vertical="center"/>
    </xf>
    <xf numFmtId="0" fontId="45" fillId="0" borderId="68"/>
    <xf numFmtId="0" fontId="1" fillId="0" borderId="0">
      <alignment vertical="center"/>
    </xf>
    <xf numFmtId="0" fontId="91" fillId="0" borderId="0"/>
    <xf numFmtId="206" fontId="83" fillId="0" borderId="0">
      <alignment vertical="center"/>
    </xf>
    <xf numFmtId="0" fontId="4" fillId="0" borderId="0">
      <alignment vertical="center"/>
    </xf>
    <xf numFmtId="0" fontId="83" fillId="0" borderId="0">
      <alignment vertical="center"/>
    </xf>
    <xf numFmtId="0" fontId="11" fillId="0" borderId="0">
      <alignment vertical="center"/>
    </xf>
    <xf numFmtId="0" fontId="4" fillId="0" borderId="0">
      <alignment vertical="center"/>
    </xf>
    <xf numFmtId="0" fontId="92" fillId="0" borderId="0"/>
    <xf numFmtId="0" fontId="4" fillId="0" borderId="0"/>
    <xf numFmtId="0" fontId="4" fillId="0" borderId="0"/>
    <xf numFmtId="0" fontId="61" fillId="0" borderId="0"/>
  </cellStyleXfs>
  <cellXfs count="1016">
    <xf numFmtId="0" fontId="0" fillId="0" borderId="0" xfId="0">
      <alignment vertical="center"/>
    </xf>
    <xf numFmtId="0" fontId="43" fillId="0" borderId="0" xfId="117" applyFont="1"/>
    <xf numFmtId="194" fontId="43" fillId="0" borderId="0" xfId="117" applyNumberFormat="1" applyFont="1"/>
    <xf numFmtId="0" fontId="43" fillId="0" borderId="0" xfId="117" applyFont="1" applyAlignment="1">
      <alignment horizontal="center"/>
    </xf>
    <xf numFmtId="38" fontId="43" fillId="0" borderId="0" xfId="98" applyFont="1"/>
    <xf numFmtId="0" fontId="43" fillId="0" borderId="36" xfId="117" applyFont="1" applyBorder="1"/>
    <xf numFmtId="0" fontId="43" fillId="0" borderId="2" xfId="117" applyFont="1" applyBorder="1"/>
    <xf numFmtId="0" fontId="45" fillId="0" borderId="37" xfId="117" applyFont="1" applyBorder="1" applyAlignment="1">
      <alignment horizontal="right"/>
    </xf>
    <xf numFmtId="0" fontId="45" fillId="0" borderId="37" xfId="117" applyFont="1" applyBorder="1" applyAlignment="1"/>
    <xf numFmtId="38" fontId="43" fillId="0" borderId="37" xfId="98" applyFont="1" applyBorder="1" applyAlignment="1"/>
    <xf numFmtId="0" fontId="43" fillId="0" borderId="38" xfId="117" applyFont="1" applyBorder="1"/>
    <xf numFmtId="0" fontId="43" fillId="0" borderId="39" xfId="117" applyFont="1" applyBorder="1" applyAlignment="1">
      <alignment horizontal="distributed" vertical="center" justifyLastLine="1"/>
    </xf>
    <xf numFmtId="0" fontId="43" fillId="0" borderId="40" xfId="117" applyFont="1" applyBorder="1" applyAlignment="1">
      <alignment horizontal="distributed" vertical="center" justifyLastLine="1"/>
    </xf>
    <xf numFmtId="0" fontId="43" fillId="0" borderId="5" xfId="117" applyFont="1" applyBorder="1" applyAlignment="1">
      <alignment horizontal="distributed" vertical="center" justifyLastLine="1"/>
    </xf>
    <xf numFmtId="38" fontId="43" fillId="0" borderId="5" xfId="98" applyFont="1" applyBorder="1" applyAlignment="1">
      <alignment horizontal="distributed" vertical="center" justifyLastLine="1"/>
    </xf>
    <xf numFmtId="0" fontId="43" fillId="0" borderId="41" xfId="117" applyFont="1" applyBorder="1"/>
    <xf numFmtId="0" fontId="10" fillId="0" borderId="27" xfId="117" applyFont="1" applyBorder="1" applyAlignment="1">
      <alignment horizontal="distributed"/>
    </xf>
    <xf numFmtId="0" fontId="10" fillId="0" borderId="19" xfId="117" applyFont="1" applyBorder="1" applyAlignment="1">
      <alignment horizontal="distributed"/>
    </xf>
    <xf numFmtId="0" fontId="10" fillId="0" borderId="19" xfId="117" applyFont="1" applyBorder="1" applyAlignment="1">
      <alignment horizontal="center"/>
    </xf>
    <xf numFmtId="38" fontId="10" fillId="0" borderId="19" xfId="98" applyFont="1" applyBorder="1"/>
    <xf numFmtId="195" fontId="10" fillId="0" borderId="19" xfId="98" applyNumberFormat="1" applyFont="1" applyBorder="1"/>
    <xf numFmtId="0" fontId="43" fillId="0" borderId="28" xfId="117" applyFont="1" applyBorder="1"/>
    <xf numFmtId="0" fontId="10" fillId="0" borderId="25" xfId="117" applyFont="1" applyBorder="1" applyAlignment="1">
      <alignment horizontal="distributed"/>
    </xf>
    <xf numFmtId="0" fontId="10" fillId="0" borderId="21" xfId="117" applyFont="1" applyBorder="1" applyAlignment="1">
      <alignment horizontal="distributed"/>
    </xf>
    <xf numFmtId="0" fontId="10" fillId="0" borderId="21" xfId="117" applyFont="1" applyBorder="1" applyAlignment="1">
      <alignment horizontal="center"/>
    </xf>
    <xf numFmtId="38" fontId="10" fillId="0" borderId="21" xfId="98" applyFont="1" applyBorder="1"/>
    <xf numFmtId="196" fontId="10" fillId="0" borderId="21" xfId="98" applyNumberFormat="1" applyFont="1" applyBorder="1"/>
    <xf numFmtId="38" fontId="45" fillId="0" borderId="0" xfId="117" applyNumberFormat="1" applyFont="1" applyBorder="1" applyAlignment="1">
      <alignment horizontal="center"/>
    </xf>
    <xf numFmtId="38" fontId="45" fillId="0" borderId="0" xfId="117" applyNumberFormat="1" applyFont="1" applyBorder="1" applyAlignment="1">
      <alignment horizontal="left"/>
    </xf>
    <xf numFmtId="10" fontId="45" fillId="0" borderId="0" xfId="89" applyNumberFormat="1" applyFont="1" applyBorder="1" applyAlignment="1">
      <alignment horizontal="left"/>
    </xf>
    <xf numFmtId="0" fontId="43" fillId="0" borderId="29" xfId="117" applyFont="1" applyBorder="1"/>
    <xf numFmtId="0" fontId="10" fillId="0" borderId="17" xfId="117" applyFont="1" applyBorder="1" applyAlignment="1">
      <alignment horizontal="distributed"/>
    </xf>
    <xf numFmtId="0" fontId="10" fillId="0" borderId="23" xfId="117" applyFont="1" applyBorder="1" applyAlignment="1">
      <alignment horizontal="distributed"/>
    </xf>
    <xf numFmtId="0" fontId="10" fillId="0" borderId="23" xfId="117" applyFont="1" applyBorder="1" applyAlignment="1">
      <alignment horizontal="center"/>
    </xf>
    <xf numFmtId="38" fontId="10" fillId="0" borderId="23" xfId="98" applyFont="1" applyBorder="1"/>
    <xf numFmtId="197" fontId="10" fillId="0" borderId="23" xfId="98" applyNumberFormat="1" applyFont="1" applyBorder="1"/>
    <xf numFmtId="10" fontId="45" fillId="0" borderId="16" xfId="89" applyNumberFormat="1" applyFont="1" applyBorder="1" applyAlignment="1">
      <alignment horizontal="left"/>
    </xf>
    <xf numFmtId="0" fontId="43" fillId="0" borderId="31" xfId="117" applyFont="1" applyBorder="1"/>
    <xf numFmtId="38" fontId="46" fillId="0" borderId="24" xfId="98" applyFont="1" applyBorder="1"/>
    <xf numFmtId="0" fontId="10" fillId="0" borderId="25" xfId="117" applyFont="1" applyBorder="1" applyAlignment="1">
      <alignment horizontal="left"/>
    </xf>
    <xf numFmtId="38" fontId="45" fillId="0" borderId="26" xfId="98" applyFont="1" applyBorder="1"/>
    <xf numFmtId="0" fontId="10" fillId="0" borderId="23" xfId="117" applyFont="1" applyBorder="1" applyAlignment="1">
      <alignment horizontal="left"/>
    </xf>
    <xf numFmtId="199" fontId="45" fillId="0" borderId="15" xfId="98" applyNumberFormat="1" applyFont="1" applyBorder="1" applyAlignment="1">
      <alignment horizontal="center"/>
    </xf>
    <xf numFmtId="40" fontId="45" fillId="0" borderId="16" xfId="98" applyNumberFormat="1" applyFont="1" applyBorder="1" applyAlignment="1">
      <alignment horizontal="center"/>
    </xf>
    <xf numFmtId="0" fontId="10" fillId="0" borderId="17" xfId="117" applyFont="1" applyBorder="1" applyAlignment="1">
      <alignment horizontal="left"/>
    </xf>
    <xf numFmtId="201" fontId="45" fillId="0" borderId="15" xfId="98" applyNumberFormat="1" applyFont="1" applyBorder="1" applyAlignment="1">
      <alignment horizontal="right"/>
    </xf>
    <xf numFmtId="38" fontId="45" fillId="0" borderId="16" xfId="98" applyFont="1" applyBorder="1" applyAlignment="1">
      <alignment horizontal="center"/>
    </xf>
    <xf numFmtId="0" fontId="45" fillId="0" borderId="16" xfId="117" applyFont="1" applyBorder="1"/>
    <xf numFmtId="38" fontId="45" fillId="0" borderId="0" xfId="98" applyFont="1" applyBorder="1" applyAlignment="1">
      <alignment horizontal="center"/>
    </xf>
    <xf numFmtId="0" fontId="45" fillId="0" borderId="0" xfId="117" applyFont="1" applyBorder="1"/>
    <xf numFmtId="201" fontId="45" fillId="0" borderId="24" xfId="98" applyNumberFormat="1" applyFont="1" applyBorder="1" applyAlignment="1">
      <alignment horizontal="center"/>
    </xf>
    <xf numFmtId="201" fontId="45" fillId="0" borderId="16" xfId="98" applyNumberFormat="1" applyFont="1" applyBorder="1" applyAlignment="1">
      <alignment horizontal="center"/>
    </xf>
    <xf numFmtId="194" fontId="45" fillId="0" borderId="16" xfId="117" applyNumberFormat="1" applyFont="1" applyBorder="1" applyAlignment="1">
      <alignment horizontal="center"/>
    </xf>
    <xf numFmtId="0" fontId="29" fillId="0" borderId="19" xfId="117" applyFont="1" applyBorder="1" applyAlignment="1">
      <alignment horizontal="distributed"/>
    </xf>
    <xf numFmtId="202" fontId="45" fillId="0" borderId="15" xfId="98" applyNumberFormat="1" applyFont="1" applyBorder="1" applyAlignment="1">
      <alignment horizontal="right"/>
    </xf>
    <xf numFmtId="203" fontId="45" fillId="0" borderId="16" xfId="98" applyNumberFormat="1" applyFont="1" applyBorder="1" applyAlignment="1"/>
    <xf numFmtId="38" fontId="10" fillId="0" borderId="19" xfId="98" applyFont="1" applyBorder="1" applyAlignment="1">
      <alignment horizontal="right"/>
    </xf>
    <xf numFmtId="38" fontId="47" fillId="0" borderId="26" xfId="98" applyFont="1" applyBorder="1" applyAlignment="1">
      <alignment horizontal="left"/>
    </xf>
    <xf numFmtId="38" fontId="10" fillId="0" borderId="21" xfId="98" quotePrefix="1" applyFont="1" applyBorder="1" applyAlignment="1">
      <alignment horizontal="right"/>
    </xf>
    <xf numFmtId="38" fontId="48" fillId="0" borderId="24" xfId="98" applyFont="1" applyBorder="1" applyAlignment="1">
      <alignment horizontal="center"/>
    </xf>
    <xf numFmtId="38" fontId="46" fillId="0" borderId="0" xfId="98" applyFont="1" applyBorder="1" applyAlignment="1">
      <alignment horizontal="right"/>
    </xf>
    <xf numFmtId="0" fontId="46" fillId="0" borderId="0" xfId="117" applyFont="1" applyBorder="1"/>
    <xf numFmtId="195" fontId="10" fillId="0" borderId="21" xfId="98" applyNumberFormat="1" applyFont="1" applyBorder="1"/>
    <xf numFmtId="176" fontId="45" fillId="0" borderId="15" xfId="89" applyNumberFormat="1" applyFont="1" applyBorder="1" applyAlignment="1">
      <alignment horizontal="center"/>
    </xf>
    <xf numFmtId="0" fontId="10" fillId="0" borderId="21" xfId="117" applyFont="1" applyBorder="1" applyAlignment="1">
      <alignment horizontal="left"/>
    </xf>
    <xf numFmtId="176" fontId="45" fillId="0" borderId="24" xfId="89" applyNumberFormat="1" applyFont="1" applyBorder="1" applyAlignment="1">
      <alignment horizontal="center"/>
    </xf>
    <xf numFmtId="204" fontId="45" fillId="0" borderId="0" xfId="98" applyNumberFormat="1" applyFont="1" applyBorder="1" applyAlignment="1">
      <alignment horizontal="center"/>
    </xf>
    <xf numFmtId="0" fontId="49" fillId="0" borderId="47" xfId="0" applyFont="1" applyBorder="1" applyAlignment="1" applyProtection="1">
      <alignment vertical="center"/>
      <protection locked="0"/>
    </xf>
    <xf numFmtId="0" fontId="49" fillId="0" borderId="48" xfId="0" applyFont="1" applyBorder="1" applyAlignment="1" applyProtection="1">
      <alignment vertical="center"/>
      <protection locked="0"/>
    </xf>
    <xf numFmtId="0" fontId="49" fillId="0" borderId="48" xfId="0" applyFont="1" applyBorder="1" applyAlignment="1" applyProtection="1">
      <alignment horizontal="center" vertical="center"/>
      <protection locked="0"/>
    </xf>
    <xf numFmtId="0" fontId="49" fillId="0" borderId="48" xfId="0" applyFont="1" applyBorder="1" applyAlignment="1" applyProtection="1">
      <alignment horizontal="right" vertical="center"/>
      <protection locked="0"/>
    </xf>
    <xf numFmtId="0" fontId="49" fillId="0" borderId="49" xfId="0" applyFont="1" applyBorder="1" applyAlignment="1" applyProtection="1">
      <alignment horizontal="center" vertical="center"/>
      <protection locked="0"/>
    </xf>
    <xf numFmtId="0" fontId="49" fillId="0" borderId="50" xfId="0" applyFont="1" applyBorder="1" applyAlignment="1" applyProtection="1">
      <alignment vertical="center"/>
      <protection locked="0"/>
    </xf>
    <xf numFmtId="0" fontId="49" fillId="0" borderId="51" xfId="0" applyFont="1" applyBorder="1" applyAlignment="1" applyProtection="1">
      <alignment vertical="center"/>
      <protection locked="0"/>
    </xf>
    <xf numFmtId="0" fontId="49" fillId="0" borderId="51" xfId="0" applyFont="1" applyBorder="1" applyAlignment="1" applyProtection="1">
      <alignment horizontal="center" vertical="center"/>
      <protection locked="0"/>
    </xf>
    <xf numFmtId="0" fontId="49" fillId="0" borderId="51" xfId="0" applyFont="1" applyBorder="1" applyAlignment="1" applyProtection="1">
      <alignment horizontal="right" vertical="center"/>
      <protection locked="0"/>
    </xf>
    <xf numFmtId="0" fontId="49" fillId="0" borderId="52" xfId="0" applyFont="1" applyBorder="1" applyAlignment="1" applyProtection="1">
      <alignment horizontal="center" vertical="center"/>
      <protection locked="0"/>
    </xf>
    <xf numFmtId="0" fontId="49" fillId="0" borderId="53" xfId="0" applyFont="1" applyBorder="1" applyAlignment="1" applyProtection="1">
      <protection locked="0"/>
    </xf>
    <xf numFmtId="0" fontId="49" fillId="0" borderId="53" xfId="0" applyFont="1" applyBorder="1" applyAlignment="1" applyProtection="1">
      <alignment horizontal="center"/>
      <protection locked="0"/>
    </xf>
    <xf numFmtId="0" fontId="49" fillId="0" borderId="53" xfId="0" applyFont="1" applyBorder="1" applyAlignment="1" applyProtection="1">
      <alignment horizontal="right"/>
      <protection locked="0"/>
    </xf>
    <xf numFmtId="0" fontId="49" fillId="0" borderId="56" xfId="0" applyFont="1" applyBorder="1" applyAlignment="1" applyProtection="1">
      <protection locked="0"/>
    </xf>
    <xf numFmtId="0" fontId="49" fillId="0" borderId="50" xfId="0" applyFont="1" applyBorder="1" applyAlignment="1" applyProtection="1">
      <protection locked="0"/>
    </xf>
    <xf numFmtId="0" fontId="49" fillId="0" borderId="48" xfId="0" applyFont="1" applyFill="1" applyBorder="1" applyAlignment="1" applyProtection="1">
      <alignment horizontal="right" vertical="center"/>
      <protection locked="0"/>
    </xf>
    <xf numFmtId="0" fontId="49" fillId="0" borderId="51" xfId="0" applyFont="1" applyFill="1" applyBorder="1" applyAlignment="1" applyProtection="1">
      <alignment horizontal="right" vertical="center"/>
      <protection locked="0"/>
    </xf>
    <xf numFmtId="0" fontId="49" fillId="0" borderId="48" xfId="0" applyFont="1" applyFill="1" applyBorder="1" applyAlignment="1" applyProtection="1">
      <alignment vertical="center"/>
      <protection locked="0"/>
    </xf>
    <xf numFmtId="0" fontId="49" fillId="0" borderId="51" xfId="0" applyFont="1" applyFill="1" applyBorder="1" applyAlignment="1" applyProtection="1">
      <alignment vertical="center"/>
      <protection locked="0"/>
    </xf>
    <xf numFmtId="0" fontId="49" fillId="0" borderId="53" xfId="0" applyFont="1" applyFill="1" applyBorder="1" applyAlignment="1" applyProtection="1">
      <protection locked="0"/>
    </xf>
    <xf numFmtId="0" fontId="49" fillId="0" borderId="53" xfId="0" applyFont="1" applyFill="1" applyBorder="1" applyAlignment="1" applyProtection="1">
      <alignment horizontal="right"/>
      <protection locked="0"/>
    </xf>
    <xf numFmtId="0" fontId="49" fillId="0" borderId="51" xfId="0" applyFont="1" applyBorder="1" applyAlignment="1" applyProtection="1">
      <alignment horizontal="center"/>
      <protection locked="0"/>
    </xf>
    <xf numFmtId="0" fontId="49" fillId="0" borderId="51" xfId="0" applyFont="1" applyBorder="1" applyAlignment="1" applyProtection="1">
      <protection locked="0"/>
    </xf>
    <xf numFmtId="0" fontId="4" fillId="0" borderId="0" xfId="0" applyFont="1" applyAlignment="1"/>
    <xf numFmtId="0" fontId="50" fillId="0" borderId="0" xfId="0" applyFont="1" applyAlignment="1">
      <alignment vertical="center"/>
    </xf>
    <xf numFmtId="205" fontId="49" fillId="0" borderId="49" xfId="0" applyNumberFormat="1" applyFont="1" applyBorder="1" applyAlignment="1" applyProtection="1">
      <alignment horizontal="center" vertical="center"/>
      <protection locked="0"/>
    </xf>
    <xf numFmtId="0" fontId="49" fillId="0" borderId="53" xfId="0" applyFont="1" applyBorder="1" applyAlignment="1" applyProtection="1">
      <alignment vertical="center"/>
      <protection locked="0"/>
    </xf>
    <xf numFmtId="0" fontId="51" fillId="0" borderId="0" xfId="0" applyFont="1" applyAlignment="1"/>
    <xf numFmtId="0" fontId="51" fillId="0" borderId="0" xfId="0" applyFont="1" applyAlignment="1">
      <alignment horizontal="center" vertical="center"/>
    </xf>
    <xf numFmtId="0" fontId="4" fillId="0" borderId="0" xfId="0" applyFont="1" applyAlignment="1">
      <alignment horizontal="center" vertical="center"/>
    </xf>
    <xf numFmtId="202" fontId="49" fillId="0" borderId="53" xfId="98" applyNumberFormat="1" applyFont="1" applyBorder="1" applyProtection="1">
      <protection locked="0"/>
    </xf>
    <xf numFmtId="202" fontId="49" fillId="0" borderId="48" xfId="98" applyNumberFormat="1" applyFont="1" applyBorder="1" applyAlignment="1" applyProtection="1">
      <alignment horizontal="right" vertical="center"/>
      <protection locked="0"/>
    </xf>
    <xf numFmtId="202" fontId="49" fillId="0" borderId="51" xfId="98" applyNumberFormat="1" applyFont="1" applyBorder="1" applyAlignment="1" applyProtection="1">
      <alignment horizontal="right" vertical="center"/>
      <protection locked="0"/>
    </xf>
    <xf numFmtId="202" fontId="49" fillId="0" borderId="53" xfId="98" applyNumberFormat="1" applyFont="1" applyBorder="1" applyAlignment="1" applyProtection="1">
      <alignment horizontal="right"/>
      <protection locked="0"/>
    </xf>
    <xf numFmtId="202" fontId="49" fillId="0" borderId="53" xfId="98" applyNumberFormat="1" applyFont="1" applyFill="1" applyBorder="1" applyAlignment="1" applyProtection="1">
      <alignment horizontal="right"/>
      <protection locked="0"/>
    </xf>
    <xf numFmtId="202" fontId="49" fillId="0" borderId="48" xfId="98" applyNumberFormat="1" applyFont="1" applyFill="1" applyBorder="1" applyAlignment="1" applyProtection="1">
      <alignment horizontal="right" vertical="center"/>
      <protection locked="0"/>
    </xf>
    <xf numFmtId="202" fontId="49" fillId="0" borderId="51" xfId="98" applyNumberFormat="1" applyFont="1" applyFill="1" applyBorder="1" applyAlignment="1" applyProtection="1">
      <alignment horizontal="right" vertical="center"/>
      <protection locked="0"/>
    </xf>
    <xf numFmtId="204" fontId="45" fillId="0" borderId="16" xfId="98" applyNumberFormat="1" applyFont="1" applyBorder="1" applyAlignment="1">
      <alignment horizontal="right"/>
    </xf>
    <xf numFmtId="0" fontId="49" fillId="0" borderId="48" xfId="115" applyFont="1" applyBorder="1" applyAlignment="1" applyProtection="1">
      <alignment vertical="center" shrinkToFit="1"/>
      <protection locked="0"/>
    </xf>
    <xf numFmtId="38" fontId="49" fillId="0" borderId="48" xfId="98" applyFont="1" applyBorder="1" applyAlignment="1" applyProtection="1">
      <alignment horizontal="right" vertical="center" shrinkToFit="1"/>
      <protection locked="0"/>
    </xf>
    <xf numFmtId="38" fontId="49" fillId="0" borderId="51" xfId="98" applyFont="1" applyBorder="1" applyAlignment="1" applyProtection="1">
      <alignment horizontal="right" vertical="center" shrinkToFit="1"/>
      <protection locked="0"/>
    </xf>
    <xf numFmtId="38" fontId="49" fillId="0" borderId="53" xfId="98" applyFont="1" applyBorder="1" applyAlignment="1" applyProtection="1">
      <alignment horizontal="right" shrinkToFit="1"/>
      <protection locked="0"/>
    </xf>
    <xf numFmtId="202" fontId="49" fillId="0" borderId="48" xfId="98" applyNumberFormat="1" applyFont="1" applyBorder="1" applyAlignment="1" applyProtection="1">
      <alignment horizontal="right" vertical="center" shrinkToFit="1"/>
      <protection locked="0"/>
    </xf>
    <xf numFmtId="202" fontId="49" fillId="0" borderId="51" xfId="98" applyNumberFormat="1" applyFont="1" applyBorder="1" applyAlignment="1" applyProtection="1">
      <alignment horizontal="right" vertical="center" shrinkToFit="1"/>
      <protection locked="0"/>
    </xf>
    <xf numFmtId="202" fontId="49" fillId="0" borderId="53" xfId="98" applyNumberFormat="1" applyFont="1" applyBorder="1" applyAlignment="1" applyProtection="1">
      <alignment horizontal="right" shrinkToFit="1"/>
      <protection locked="0"/>
    </xf>
    <xf numFmtId="195" fontId="49" fillId="0" borderId="63" xfId="98" applyNumberFormat="1" applyFont="1" applyBorder="1" applyAlignment="1" applyProtection="1">
      <alignment horizontal="right" vertical="center" shrinkToFit="1"/>
      <protection locked="0"/>
    </xf>
    <xf numFmtId="196" fontId="49" fillId="0" borderId="60" xfId="98" applyNumberFormat="1" applyFont="1" applyBorder="1" applyAlignment="1" applyProtection="1">
      <alignment horizontal="right" vertical="center" shrinkToFit="1"/>
      <protection locked="0"/>
    </xf>
    <xf numFmtId="38" fontId="55" fillId="0" borderId="65" xfId="98" applyFont="1" applyBorder="1" applyAlignment="1">
      <alignment horizontal="center" vertical="center" shrinkToFit="1"/>
    </xf>
    <xf numFmtId="0" fontId="49" fillId="0" borderId="51" xfId="115" applyFont="1" applyBorder="1" applyAlignment="1" applyProtection="1">
      <alignment shrinkToFit="1"/>
      <protection locked="0"/>
    </xf>
    <xf numFmtId="0" fontId="55" fillId="0" borderId="44" xfId="0" applyFont="1" applyBorder="1" applyAlignment="1">
      <alignment horizontal="center" vertical="center" shrinkToFit="1"/>
    </xf>
    <xf numFmtId="0" fontId="55" fillId="0" borderId="45" xfId="0" applyFont="1" applyBorder="1" applyAlignment="1">
      <alignment horizontal="center" vertical="center" shrinkToFit="1"/>
    </xf>
    <xf numFmtId="0" fontId="55" fillId="0" borderId="46" xfId="0" applyFont="1" applyBorder="1" applyAlignment="1">
      <alignment horizontal="center" vertical="center" shrinkToFit="1"/>
    </xf>
    <xf numFmtId="0" fontId="49" fillId="0" borderId="47" xfId="0" applyFont="1" applyBorder="1" applyAlignment="1" applyProtection="1">
      <alignment vertical="center" shrinkToFit="1"/>
      <protection locked="0"/>
    </xf>
    <xf numFmtId="0" fontId="49" fillId="0" borderId="48" xfId="0" applyFont="1" applyBorder="1" applyAlignment="1" applyProtection="1">
      <alignment vertical="center" shrinkToFit="1"/>
      <protection locked="0"/>
    </xf>
    <xf numFmtId="0" fontId="49" fillId="0" borderId="48" xfId="0" applyFont="1" applyBorder="1" applyAlignment="1" applyProtection="1">
      <alignment horizontal="center" vertical="center" shrinkToFit="1"/>
      <protection locked="0"/>
    </xf>
    <xf numFmtId="0" fontId="49" fillId="0" borderId="48" xfId="0" applyFont="1" applyBorder="1" applyAlignment="1" applyProtection="1">
      <alignment horizontal="right" vertical="center" shrinkToFit="1"/>
      <protection locked="0"/>
    </xf>
    <xf numFmtId="0" fontId="49" fillId="0" borderId="49" xfId="0" applyFont="1" applyBorder="1" applyAlignment="1" applyProtection="1">
      <alignment horizontal="center" vertical="center" shrinkToFit="1"/>
      <protection locked="0"/>
    </xf>
    <xf numFmtId="0" fontId="49" fillId="0" borderId="50" xfId="0" applyFont="1" applyBorder="1" applyAlignment="1" applyProtection="1">
      <alignment vertical="center" shrinkToFit="1"/>
      <protection locked="0"/>
    </xf>
    <xf numFmtId="0" fontId="49" fillId="0" borderId="51" xfId="0" applyFont="1" applyBorder="1" applyAlignment="1" applyProtection="1">
      <alignment vertical="center" shrinkToFit="1"/>
      <protection locked="0"/>
    </xf>
    <xf numFmtId="0" fontId="49" fillId="0" borderId="51" xfId="0" applyFont="1" applyBorder="1" applyAlignment="1" applyProtection="1">
      <alignment horizontal="center" vertical="center" shrinkToFit="1"/>
      <protection locked="0"/>
    </xf>
    <xf numFmtId="0" fontId="49" fillId="0" borderId="51" xfId="0" applyFont="1" applyBorder="1" applyAlignment="1" applyProtection="1">
      <alignment horizontal="right" vertical="center" shrinkToFit="1"/>
      <protection locked="0"/>
    </xf>
    <xf numFmtId="0" fontId="49" fillId="0" borderId="52" xfId="0" applyFont="1" applyBorder="1" applyAlignment="1" applyProtection="1">
      <alignment horizontal="center" vertical="center" shrinkToFit="1"/>
      <protection locked="0"/>
    </xf>
    <xf numFmtId="0" fontId="49" fillId="0" borderId="56" xfId="0" applyFont="1" applyBorder="1" applyAlignment="1" applyProtection="1">
      <alignment shrinkToFit="1"/>
      <protection locked="0"/>
    </xf>
    <xf numFmtId="0" fontId="49" fillId="0" borderId="53" xfId="0" applyFont="1" applyBorder="1" applyAlignment="1" applyProtection="1">
      <alignment shrinkToFit="1"/>
      <protection locked="0"/>
    </xf>
    <xf numFmtId="0" fontId="49" fillId="0" borderId="53" xfId="0" applyFont="1" applyBorder="1" applyAlignment="1" applyProtection="1">
      <alignment horizontal="center" shrinkToFit="1"/>
      <protection locked="0"/>
    </xf>
    <xf numFmtId="0" fontId="49" fillId="0" borderId="53" xfId="0" applyFont="1" applyBorder="1" applyAlignment="1" applyProtection="1">
      <alignment horizontal="right" shrinkToFit="1"/>
      <protection locked="0"/>
    </xf>
    <xf numFmtId="202" fontId="49" fillId="0" borderId="53" xfId="98" applyNumberFormat="1" applyFont="1" applyBorder="1" applyAlignment="1" applyProtection="1">
      <alignment shrinkToFit="1"/>
      <protection locked="0"/>
    </xf>
    <xf numFmtId="0" fontId="49" fillId="0" borderId="48" xfId="0" applyFont="1" applyBorder="1" applyAlignment="1">
      <alignment horizontal="center" shrinkToFit="1"/>
    </xf>
    <xf numFmtId="0" fontId="49" fillId="0" borderId="64" xfId="0" applyFont="1" applyBorder="1" applyAlignment="1" applyProtection="1">
      <alignment shrinkToFit="1"/>
      <protection locked="0"/>
    </xf>
    <xf numFmtId="205" fontId="49" fillId="0" borderId="54" xfId="0" applyNumberFormat="1" applyFont="1" applyBorder="1" applyAlignment="1" applyProtection="1">
      <alignment horizontal="center" shrinkToFit="1"/>
      <protection locked="0"/>
    </xf>
    <xf numFmtId="0" fontId="49" fillId="0" borderId="53" xfId="0" applyFont="1" applyBorder="1" applyAlignment="1" applyProtection="1">
      <alignment vertical="center" shrinkToFit="1"/>
      <protection locked="0"/>
    </xf>
    <xf numFmtId="1" fontId="49" fillId="0" borderId="48" xfId="0" applyNumberFormat="1" applyFont="1" applyBorder="1" applyAlignment="1" applyProtection="1">
      <alignment horizontal="right" vertical="center" shrinkToFit="1"/>
      <protection locked="0"/>
    </xf>
    <xf numFmtId="205" fontId="49" fillId="0" borderId="49" xfId="0" applyNumberFormat="1" applyFont="1" applyBorder="1" applyAlignment="1" applyProtection="1">
      <alignment horizontal="center" vertical="center" shrinkToFit="1"/>
      <protection locked="0"/>
    </xf>
    <xf numFmtId="1" fontId="49" fillId="0" borderId="51" xfId="0" applyNumberFormat="1" applyFont="1" applyBorder="1" applyAlignment="1" applyProtection="1">
      <alignment horizontal="right" vertical="center" shrinkToFit="1"/>
      <protection locked="0"/>
    </xf>
    <xf numFmtId="1" fontId="49" fillId="0" borderId="53" xfId="0" applyNumberFormat="1" applyFont="1" applyBorder="1" applyAlignment="1" applyProtection="1">
      <alignment horizontal="right" shrinkToFit="1"/>
      <protection locked="0"/>
    </xf>
    <xf numFmtId="0" fontId="49" fillId="0" borderId="49" xfId="0" applyFont="1" applyBorder="1" applyAlignment="1">
      <alignment horizontal="center" vertical="center" shrinkToFit="1"/>
    </xf>
    <xf numFmtId="0" fontId="49" fillId="0" borderId="57" xfId="0" applyFont="1" applyBorder="1" applyAlignment="1" applyProtection="1">
      <alignment shrinkToFit="1"/>
      <protection locked="0"/>
    </xf>
    <xf numFmtId="0" fontId="49" fillId="0" borderId="58" xfId="0" applyFont="1" applyBorder="1" applyAlignment="1" applyProtection="1">
      <alignment shrinkToFit="1"/>
      <protection locked="0"/>
    </xf>
    <xf numFmtId="0" fontId="49" fillId="0" borderId="58" xfId="0" applyFont="1" applyBorder="1" applyAlignment="1" applyProtection="1">
      <alignment horizontal="center" shrinkToFit="1"/>
      <protection locked="0"/>
    </xf>
    <xf numFmtId="1" fontId="49" fillId="0" borderId="58" xfId="0" applyNumberFormat="1" applyFont="1" applyBorder="1" applyAlignment="1" applyProtection="1">
      <alignment horizontal="right" shrinkToFit="1"/>
      <protection locked="0"/>
    </xf>
    <xf numFmtId="202" fontId="49" fillId="0" borderId="58" xfId="98" applyNumberFormat="1" applyFont="1" applyBorder="1" applyAlignment="1" applyProtection="1">
      <alignment horizontal="right" shrinkToFit="1"/>
      <protection locked="0"/>
    </xf>
    <xf numFmtId="179" fontId="49" fillId="0" borderId="58" xfId="98" applyNumberFormat="1" applyFont="1" applyBorder="1" applyAlignment="1" applyProtection="1">
      <alignment shrinkToFit="1"/>
      <protection locked="0"/>
    </xf>
    <xf numFmtId="0" fontId="49" fillId="0" borderId="59" xfId="0" applyFont="1" applyBorder="1" applyAlignment="1" applyProtection="1">
      <alignment horizontal="center" shrinkToFit="1"/>
      <protection locked="0"/>
    </xf>
    <xf numFmtId="0" fontId="55" fillId="0" borderId="56" xfId="0" applyFont="1" applyBorder="1" applyAlignment="1">
      <alignment horizontal="center" vertical="center" shrinkToFit="1"/>
    </xf>
    <xf numFmtId="0" fontId="55" fillId="0" borderId="53" xfId="0" applyFont="1" applyBorder="1" applyAlignment="1">
      <alignment horizontal="center" vertical="center" shrinkToFit="1"/>
    </xf>
    <xf numFmtId="202" fontId="55" fillId="0" borderId="53" xfId="0" applyNumberFormat="1" applyFont="1" applyBorder="1" applyAlignment="1">
      <alignment horizontal="center" vertical="center" shrinkToFit="1"/>
    </xf>
    <xf numFmtId="202" fontId="55" fillId="0" borderId="53" xfId="98" applyNumberFormat="1" applyFont="1" applyBorder="1" applyAlignment="1">
      <alignment horizontal="center" vertical="center" shrinkToFit="1"/>
    </xf>
    <xf numFmtId="0" fontId="55" fillId="0" borderId="54" xfId="0" applyFont="1" applyBorder="1" applyAlignment="1">
      <alignment horizontal="center" vertical="center" shrinkToFit="1"/>
    </xf>
    <xf numFmtId="0" fontId="49" fillId="0" borderId="48" xfId="0" applyFont="1" applyFill="1" applyBorder="1" applyAlignment="1" applyProtection="1">
      <alignment vertical="center" shrinkToFit="1"/>
      <protection locked="0"/>
    </xf>
    <xf numFmtId="0" fontId="49" fillId="0" borderId="51" xfId="0" applyFont="1" applyFill="1" applyBorder="1" applyAlignment="1" applyProtection="1">
      <alignment vertical="center" shrinkToFit="1"/>
      <protection locked="0"/>
    </xf>
    <xf numFmtId="0" fontId="49" fillId="0" borderId="53" xfId="0" applyFont="1" applyFill="1" applyBorder="1" applyAlignment="1" applyProtection="1">
      <alignment shrinkToFit="1"/>
      <protection locked="0"/>
    </xf>
    <xf numFmtId="0" fontId="10" fillId="0" borderId="18" xfId="117" applyFont="1" applyBorder="1" applyAlignment="1">
      <alignment horizontal="distributed" shrinkToFit="1"/>
    </xf>
    <xf numFmtId="0" fontId="10" fillId="0" borderId="27" xfId="117" applyFont="1" applyBorder="1" applyAlignment="1">
      <alignment horizontal="distributed" shrinkToFit="1"/>
    </xf>
    <xf numFmtId="0" fontId="10" fillId="0" borderId="20" xfId="117" applyFont="1" applyBorder="1" applyAlignment="1">
      <alignment horizontal="distributed" shrinkToFit="1"/>
    </xf>
    <xf numFmtId="0" fontId="10" fillId="0" borderId="25" xfId="117" applyFont="1" applyBorder="1" applyAlignment="1">
      <alignment horizontal="distributed" shrinkToFit="1"/>
    </xf>
    <xf numFmtId="0" fontId="10" fillId="0" borderId="22" xfId="117" applyFont="1" applyBorder="1" applyAlignment="1">
      <alignment horizontal="left" shrinkToFit="1"/>
    </xf>
    <xf numFmtId="0" fontId="10" fillId="0" borderId="17" xfId="117" applyFont="1" applyBorder="1" applyAlignment="1">
      <alignment horizontal="distributed" shrinkToFit="1"/>
    </xf>
    <xf numFmtId="0" fontId="10" fillId="0" borderId="20" xfId="117" applyFont="1" applyBorder="1" applyAlignment="1">
      <alignment horizontal="left" shrinkToFit="1"/>
    </xf>
    <xf numFmtId="0" fontId="10" fillId="0" borderId="25" xfId="117" applyFont="1" applyBorder="1" applyAlignment="1">
      <alignment horizontal="left" shrinkToFit="1"/>
    </xf>
    <xf numFmtId="0" fontId="10" fillId="0" borderId="22" xfId="117" applyFont="1" applyBorder="1" applyAlignment="1">
      <alignment horizontal="distributed" shrinkToFit="1"/>
    </xf>
    <xf numFmtId="0" fontId="10" fillId="0" borderId="23" xfId="117" applyFont="1" applyBorder="1" applyAlignment="1">
      <alignment horizontal="left" shrinkToFit="1"/>
    </xf>
    <xf numFmtId="0" fontId="10" fillId="0" borderId="30" xfId="117" applyFont="1" applyBorder="1" applyAlignment="1">
      <alignment horizontal="left" shrinkToFit="1"/>
    </xf>
    <xf numFmtId="0" fontId="10" fillId="0" borderId="17" xfId="117" applyFont="1" applyBorder="1" applyAlignment="1">
      <alignment horizontal="left" shrinkToFit="1"/>
    </xf>
    <xf numFmtId="0" fontId="29" fillId="0" borderId="22" xfId="117" applyFont="1" applyBorder="1" applyAlignment="1">
      <alignment horizontal="distributed" shrinkToFit="1"/>
    </xf>
    <xf numFmtId="38" fontId="49" fillId="0" borderId="51" xfId="98" applyFont="1" applyBorder="1" applyAlignment="1" applyProtection="1">
      <alignment horizontal="right" vertical="center"/>
      <protection locked="0"/>
    </xf>
    <xf numFmtId="38" fontId="49" fillId="0" borderId="53" xfId="98" applyFont="1" applyBorder="1" applyAlignment="1" applyProtection="1">
      <alignment horizontal="right"/>
      <protection locked="0"/>
    </xf>
    <xf numFmtId="38" fontId="49" fillId="0" borderId="48" xfId="98" applyFont="1" applyBorder="1" applyAlignment="1" applyProtection="1">
      <alignment horizontal="right" vertical="center"/>
      <protection locked="0"/>
    </xf>
    <xf numFmtId="0" fontId="49" fillId="0" borderId="51" xfId="0" applyFont="1" applyFill="1" applyBorder="1" applyAlignment="1" applyProtection="1">
      <alignment horizontal="center" vertical="center"/>
      <protection locked="0"/>
    </xf>
    <xf numFmtId="216" fontId="45" fillId="0" borderId="16" xfId="117" applyNumberFormat="1" applyFont="1" applyBorder="1" applyAlignment="1">
      <alignment horizontal="left"/>
    </xf>
    <xf numFmtId="0" fontId="74" fillId="0" borderId="48" xfId="0" applyFont="1" applyBorder="1" applyAlignment="1">
      <alignment horizontal="center"/>
    </xf>
    <xf numFmtId="0" fontId="74" fillId="0" borderId="51" xfId="0" applyFont="1" applyBorder="1" applyAlignment="1">
      <alignment horizontal="distributed"/>
    </xf>
    <xf numFmtId="0" fontId="74" fillId="0" borderId="53" xfId="0" applyFont="1" applyBorder="1" applyAlignment="1">
      <alignment horizontal="center"/>
    </xf>
    <xf numFmtId="195" fontId="49" fillId="0" borderId="48" xfId="98" applyNumberFormat="1" applyFont="1" applyBorder="1" applyAlignment="1" applyProtection="1">
      <alignment horizontal="right" vertical="center"/>
      <protection locked="0"/>
    </xf>
    <xf numFmtId="196" fontId="49" fillId="0" borderId="51" xfId="98" applyNumberFormat="1" applyFont="1" applyBorder="1" applyAlignment="1" applyProtection="1">
      <alignment horizontal="right" vertical="center"/>
      <protection locked="0"/>
    </xf>
    <xf numFmtId="197" fontId="49" fillId="0" borderId="53" xfId="98" applyNumberFormat="1" applyFont="1" applyBorder="1" applyProtection="1">
      <protection locked="0"/>
    </xf>
    <xf numFmtId="0" fontId="49" fillId="0" borderId="53" xfId="0" applyFont="1" applyBorder="1" applyAlignment="1" applyProtection="1">
      <alignment horizontal="left"/>
      <protection locked="0"/>
    </xf>
    <xf numFmtId="202" fontId="51" fillId="0" borderId="48" xfId="98" applyNumberFormat="1" applyFont="1" applyFill="1" applyBorder="1" applyAlignment="1" applyProtection="1">
      <alignment horizontal="right" vertical="center"/>
      <protection locked="0"/>
    </xf>
    <xf numFmtId="0" fontId="51" fillId="0" borderId="51" xfId="0" applyFont="1" applyBorder="1" applyAlignment="1" applyProtection="1">
      <alignment vertical="center"/>
      <protection locked="0"/>
    </xf>
    <xf numFmtId="202" fontId="51" fillId="0" borderId="51" xfId="98" applyNumberFormat="1" applyFont="1" applyFill="1" applyBorder="1" applyAlignment="1" applyProtection="1">
      <alignment horizontal="right" vertical="center"/>
      <protection locked="0"/>
    </xf>
    <xf numFmtId="0" fontId="49" fillId="0" borderId="54" xfId="0" applyFont="1" applyBorder="1" applyAlignment="1" applyProtection="1">
      <protection locked="0"/>
    </xf>
    <xf numFmtId="0" fontId="49" fillId="0" borderId="55" xfId="0" applyFont="1" applyBorder="1" applyAlignment="1" applyProtection="1">
      <alignment vertical="center"/>
      <protection locked="0"/>
    </xf>
    <xf numFmtId="0" fontId="49" fillId="0" borderId="24" xfId="0" applyFont="1" applyBorder="1" applyAlignment="1" applyProtection="1">
      <alignment vertical="center"/>
      <protection locked="0"/>
    </xf>
    <xf numFmtId="176" fontId="49" fillId="0" borderId="53" xfId="98" applyNumberFormat="1" applyFont="1" applyBorder="1" applyAlignment="1" applyProtection="1">
      <alignment horizontal="right"/>
      <protection locked="0"/>
    </xf>
    <xf numFmtId="0" fontId="49" fillId="0" borderId="54" xfId="0" applyFont="1" applyBorder="1" applyAlignment="1" applyProtection="1">
      <alignment horizontal="center"/>
      <protection locked="0"/>
    </xf>
    <xf numFmtId="0" fontId="49" fillId="0" borderId="48" xfId="0" applyFont="1" applyBorder="1" applyAlignment="1" applyProtection="1">
      <alignment horizontal="left" vertical="center"/>
      <protection locked="0"/>
    </xf>
    <xf numFmtId="0" fontId="75" fillId="0" borderId="51" xfId="0" applyFont="1" applyBorder="1" applyAlignment="1" applyProtection="1">
      <alignment horizontal="left"/>
      <protection locked="0"/>
    </xf>
    <xf numFmtId="0" fontId="51" fillId="0" borderId="52" xfId="0" applyFont="1" applyBorder="1" applyAlignment="1">
      <alignment horizontal="center" vertical="center"/>
    </xf>
    <xf numFmtId="205" fontId="51" fillId="0" borderId="54" xfId="0" applyNumberFormat="1" applyFont="1" applyBorder="1" applyAlignment="1" applyProtection="1">
      <alignment horizontal="center"/>
      <protection locked="0"/>
    </xf>
    <xf numFmtId="0" fontId="29" fillId="0" borderId="20" xfId="117" applyFont="1" applyBorder="1" applyAlignment="1">
      <alignment horizontal="distributed"/>
    </xf>
    <xf numFmtId="0" fontId="29" fillId="0" borderId="25" xfId="117" applyFont="1" applyBorder="1" applyAlignment="1">
      <alignment horizontal="distributed"/>
    </xf>
    <xf numFmtId="38" fontId="45" fillId="0" borderId="74" xfId="98" applyFont="1" applyBorder="1"/>
    <xf numFmtId="0" fontId="45" fillId="0" borderId="74" xfId="117" applyFont="1" applyBorder="1"/>
    <xf numFmtId="0" fontId="29" fillId="0" borderId="20" xfId="117" applyFont="1" applyBorder="1" applyAlignment="1">
      <alignment horizontal="left"/>
    </xf>
    <xf numFmtId="0" fontId="29" fillId="0" borderId="25" xfId="117" applyFont="1" applyBorder="1" applyAlignment="1">
      <alignment horizontal="left"/>
    </xf>
    <xf numFmtId="0" fontId="29" fillId="0" borderId="18" xfId="117" applyFont="1" applyBorder="1" applyAlignment="1">
      <alignment horizontal="distributed"/>
    </xf>
    <xf numFmtId="0" fontId="29" fillId="0" borderId="75" xfId="117" applyFont="1" applyBorder="1" applyAlignment="1">
      <alignment horizontal="distributed"/>
    </xf>
    <xf numFmtId="0" fontId="10" fillId="0" borderId="75" xfId="117" applyFont="1" applyBorder="1" applyAlignment="1">
      <alignment horizontal="left"/>
    </xf>
    <xf numFmtId="217" fontId="0" fillId="0" borderId="0" xfId="0" applyNumberFormat="1">
      <alignment vertical="center"/>
    </xf>
    <xf numFmtId="0" fontId="49" fillId="0" borderId="50" xfId="0" applyFont="1" applyFill="1" applyBorder="1" applyAlignment="1" applyProtection="1">
      <alignment vertical="center"/>
      <protection locked="0"/>
    </xf>
    <xf numFmtId="38" fontId="49" fillId="0" borderId="51" xfId="98" applyFont="1" applyFill="1" applyBorder="1" applyAlignment="1" applyProtection="1">
      <alignment horizontal="right" vertical="center"/>
      <protection locked="0"/>
    </xf>
    <xf numFmtId="196" fontId="49" fillId="0" borderId="51" xfId="98" applyNumberFormat="1" applyFont="1" applyFill="1" applyBorder="1" applyAlignment="1" applyProtection="1">
      <alignment horizontal="right" vertical="center"/>
      <protection locked="0"/>
    </xf>
    <xf numFmtId="0" fontId="49" fillId="0" borderId="53" xfId="0" applyFont="1" applyFill="1" applyBorder="1" applyAlignment="1" applyProtection="1">
      <alignment horizontal="center"/>
      <protection locked="0"/>
    </xf>
    <xf numFmtId="196" fontId="49" fillId="0" borderId="53" xfId="98" applyNumberFormat="1" applyFont="1" applyFill="1" applyBorder="1" applyProtection="1">
      <protection locked="0"/>
    </xf>
    <xf numFmtId="38" fontId="49" fillId="0" borderId="53" xfId="98" applyFont="1" applyFill="1" applyBorder="1" applyAlignment="1" applyProtection="1">
      <alignment horizontal="right"/>
      <protection locked="0"/>
    </xf>
    <xf numFmtId="0" fontId="49" fillId="0" borderId="48" xfId="0" applyFont="1" applyFill="1" applyBorder="1" applyAlignment="1" applyProtection="1">
      <alignment horizontal="center" vertical="center"/>
      <protection locked="0"/>
    </xf>
    <xf numFmtId="38" fontId="49" fillId="0" borderId="48" xfId="98" applyFont="1" applyFill="1" applyBorder="1" applyAlignment="1" applyProtection="1">
      <alignment horizontal="right" vertical="center"/>
      <protection locked="0"/>
    </xf>
    <xf numFmtId="195" fontId="49" fillId="0" borderId="48" xfId="98" applyNumberFormat="1" applyFont="1" applyFill="1" applyBorder="1" applyAlignment="1" applyProtection="1">
      <alignment horizontal="right" vertical="center"/>
      <protection locked="0"/>
    </xf>
    <xf numFmtId="205" fontId="49" fillId="0" borderId="52" xfId="0" applyNumberFormat="1" applyFont="1" applyBorder="1" applyAlignment="1" applyProtection="1">
      <alignment horizontal="left" vertical="center"/>
      <protection locked="0"/>
    </xf>
    <xf numFmtId="218" fontId="49" fillId="0" borderId="54" xfId="0" applyNumberFormat="1" applyFont="1" applyFill="1" applyBorder="1" applyAlignment="1" applyProtection="1">
      <alignment horizontal="left"/>
      <protection locked="0"/>
    </xf>
    <xf numFmtId="205" fontId="49" fillId="0" borderId="54" xfId="0" applyNumberFormat="1" applyFont="1" applyFill="1" applyBorder="1" applyAlignment="1" applyProtection="1">
      <alignment horizontal="left"/>
      <protection locked="0"/>
    </xf>
    <xf numFmtId="0" fontId="49" fillId="0" borderId="48" xfId="115" applyNumberFormat="1" applyFont="1" applyFill="1" applyBorder="1" applyAlignment="1" applyProtection="1">
      <alignment vertical="center"/>
      <protection locked="0"/>
    </xf>
    <xf numFmtId="41" fontId="49" fillId="0" borderId="48" xfId="115" applyNumberFormat="1" applyFont="1" applyBorder="1" applyAlignment="1" applyProtection="1">
      <alignment vertical="center"/>
      <protection locked="0"/>
    </xf>
    <xf numFmtId="41" fontId="49" fillId="0" borderId="51" xfId="115" applyNumberFormat="1" applyFont="1" applyBorder="1" applyAlignment="1" applyProtection="1">
      <alignment wrapText="1"/>
      <protection locked="0"/>
    </xf>
    <xf numFmtId="0" fontId="49" fillId="0" borderId="51" xfId="115" applyFont="1" applyBorder="1" applyAlignment="1" applyProtection="1">
      <alignment horizontal="center" shrinkToFit="1"/>
      <protection locked="0"/>
    </xf>
    <xf numFmtId="0" fontId="49" fillId="0" borderId="48" xfId="115" applyFont="1" applyFill="1" applyBorder="1" applyAlignment="1" applyProtection="1">
      <alignment vertical="center"/>
      <protection locked="0"/>
    </xf>
    <xf numFmtId="0" fontId="49" fillId="0" borderId="53" xfId="115" applyFont="1" applyFill="1" applyBorder="1" applyAlignment="1" applyProtection="1">
      <alignment wrapText="1"/>
      <protection locked="0"/>
    </xf>
    <xf numFmtId="0" fontId="49" fillId="0" borderId="53" xfId="115" applyNumberFormat="1" applyFont="1" applyFill="1" applyBorder="1" applyAlignment="1" applyProtection="1">
      <alignment wrapText="1"/>
      <protection locked="0"/>
    </xf>
    <xf numFmtId="219" fontId="49" fillId="0" borderId="53" xfId="115" applyNumberFormat="1" applyFont="1" applyFill="1" applyBorder="1" applyAlignment="1" applyProtection="1">
      <alignment wrapText="1"/>
      <protection locked="0"/>
    </xf>
    <xf numFmtId="0" fontId="49" fillId="0" borderId="66" xfId="115" applyNumberFormat="1" applyFont="1" applyFill="1" applyBorder="1" applyAlignment="1" applyProtection="1">
      <alignment vertical="center"/>
      <protection locked="0"/>
    </xf>
    <xf numFmtId="41" fontId="76" fillId="0" borderId="51" xfId="115" applyNumberFormat="1" applyFont="1" applyFill="1" applyBorder="1" applyAlignment="1">
      <alignment horizontal="center" vertical="center"/>
    </xf>
    <xf numFmtId="0" fontId="49" fillId="0" borderId="67" xfId="115" applyNumberFormat="1" applyFont="1" applyFill="1" applyBorder="1" applyAlignment="1" applyProtection="1">
      <alignment wrapText="1"/>
      <protection locked="0"/>
    </xf>
    <xf numFmtId="0" fontId="76" fillId="0" borderId="51" xfId="115" applyFont="1" applyFill="1" applyBorder="1" applyAlignment="1">
      <alignment horizontal="center" vertical="center"/>
    </xf>
    <xf numFmtId="41" fontId="49" fillId="0" borderId="48" xfId="98" applyNumberFormat="1" applyFont="1" applyFill="1" applyBorder="1" applyAlignment="1" applyProtection="1">
      <alignment horizontal="right"/>
      <protection locked="0"/>
    </xf>
    <xf numFmtId="219" fontId="49" fillId="0" borderId="48" xfId="98" applyNumberFormat="1" applyFont="1" applyFill="1" applyBorder="1" applyAlignment="1" applyProtection="1">
      <alignment horizontal="right"/>
      <protection locked="0"/>
    </xf>
    <xf numFmtId="0" fontId="49" fillId="0" borderId="48" xfId="115" applyFont="1" applyFill="1" applyBorder="1" applyAlignment="1" applyProtection="1">
      <alignment horizontal="center" vertical="center"/>
      <protection locked="0"/>
    </xf>
    <xf numFmtId="0" fontId="49" fillId="0" borderId="66" xfId="115" applyNumberFormat="1" applyFont="1" applyFill="1" applyBorder="1" applyAlignment="1" applyProtection="1">
      <alignment horizontal="right" vertical="center"/>
      <protection locked="0"/>
    </xf>
    <xf numFmtId="0" fontId="4" fillId="0" borderId="51" xfId="115" applyFill="1" applyBorder="1" applyAlignment="1">
      <alignment horizontal="center" vertical="center"/>
    </xf>
    <xf numFmtId="220" fontId="49" fillId="0" borderId="53" xfId="115" applyNumberFormat="1" applyFont="1" applyFill="1" applyBorder="1" applyAlignment="1" applyProtection="1">
      <alignment wrapText="1"/>
      <protection locked="0"/>
    </xf>
    <xf numFmtId="219" fontId="49" fillId="0" borderId="48" xfId="98" applyNumberFormat="1" applyFont="1" applyFill="1" applyBorder="1" applyAlignment="1" applyProtection="1">
      <alignment horizontal="right" vertical="center"/>
      <protection locked="0"/>
    </xf>
    <xf numFmtId="0" fontId="51" fillId="0" borderId="51" xfId="115" applyFont="1" applyFill="1" applyBorder="1" applyAlignment="1">
      <alignment horizontal="center" vertical="center"/>
    </xf>
    <xf numFmtId="0" fontId="51" fillId="0" borderId="51" xfId="115" applyFont="1" applyFill="1" applyBorder="1" applyAlignment="1">
      <alignment horizontal="left" vertical="center"/>
    </xf>
    <xf numFmtId="176" fontId="51" fillId="0" borderId="0" xfId="0" applyNumberFormat="1" applyFont="1" applyAlignment="1">
      <alignment horizontal="center" vertical="center"/>
    </xf>
    <xf numFmtId="176" fontId="51" fillId="0" borderId="0" xfId="0" applyNumberFormat="1" applyFont="1" applyAlignment="1"/>
    <xf numFmtId="195" fontId="49" fillId="0" borderId="53" xfId="98" applyNumberFormat="1" applyFont="1" applyBorder="1" applyProtection="1">
      <protection locked="0"/>
    </xf>
    <xf numFmtId="195" fontId="49" fillId="0" borderId="51" xfId="98" applyNumberFormat="1" applyFont="1" applyBorder="1" applyAlignment="1" applyProtection="1">
      <alignment horizontal="right" vertical="center"/>
      <protection locked="0"/>
    </xf>
    <xf numFmtId="0" fontId="49" fillId="0" borderId="51" xfId="115" applyFont="1" applyFill="1" applyBorder="1" applyAlignment="1" applyProtection="1">
      <alignment horizontal="left" vertical="top"/>
      <protection locked="0"/>
    </xf>
    <xf numFmtId="0" fontId="49" fillId="0" borderId="53" xfId="115" applyFont="1" applyFill="1" applyBorder="1" applyAlignment="1" applyProtection="1">
      <alignment horizontal="left" vertical="top"/>
      <protection locked="0"/>
    </xf>
    <xf numFmtId="0" fontId="49" fillId="0" borderId="51" xfId="115" applyFont="1" applyFill="1" applyBorder="1" applyAlignment="1" applyProtection="1">
      <alignment wrapText="1"/>
      <protection locked="0"/>
    </xf>
    <xf numFmtId="0" fontId="49" fillId="0" borderId="51" xfId="115" applyFont="1" applyFill="1" applyBorder="1" applyAlignment="1" applyProtection="1">
      <alignment horizontal="center" wrapText="1"/>
      <protection locked="0"/>
    </xf>
    <xf numFmtId="0" fontId="49" fillId="0" borderId="51" xfId="115" applyNumberFormat="1" applyFont="1" applyFill="1" applyBorder="1" applyAlignment="1" applyProtection="1">
      <alignment wrapText="1"/>
      <protection locked="0"/>
    </xf>
    <xf numFmtId="41" fontId="49" fillId="0" borderId="53" xfId="115" applyNumberFormat="1" applyFont="1" applyFill="1" applyBorder="1" applyAlignment="1" applyProtection="1">
      <alignment wrapText="1"/>
      <protection locked="0"/>
    </xf>
    <xf numFmtId="0" fontId="10" fillId="0" borderId="0" xfId="233" applyFont="1" applyAlignment="1">
      <alignment vertical="center"/>
    </xf>
    <xf numFmtId="0" fontId="48" fillId="0" borderId="0" xfId="233" applyFont="1" applyAlignment="1">
      <alignment horizontal="center" vertical="center"/>
    </xf>
    <xf numFmtId="0" fontId="10" fillId="0" borderId="0" xfId="233" applyFont="1" applyBorder="1" applyAlignment="1">
      <alignment horizontal="center" vertical="center"/>
    </xf>
    <xf numFmtId="0" fontId="10" fillId="0" borderId="0" xfId="233" applyFont="1" applyBorder="1" applyAlignment="1">
      <alignment vertical="center"/>
    </xf>
    <xf numFmtId="0" fontId="43" fillId="0" borderId="82" xfId="233" applyFont="1" applyBorder="1" applyAlignment="1">
      <alignment vertical="center"/>
    </xf>
    <xf numFmtId="176" fontId="86" fillId="0" borderId="82" xfId="233" applyNumberFormat="1" applyFont="1" applyBorder="1" applyAlignment="1">
      <alignment vertical="center"/>
    </xf>
    <xf numFmtId="5" fontId="10" fillId="0" borderId="82" xfId="233" applyNumberFormat="1" applyFont="1" applyBorder="1" applyAlignment="1">
      <alignment vertical="center"/>
    </xf>
    <xf numFmtId="0" fontId="43" fillId="0" borderId="0" xfId="233" applyFont="1" applyBorder="1" applyAlignment="1">
      <alignment vertical="center"/>
    </xf>
    <xf numFmtId="0" fontId="30" fillId="0" borderId="0" xfId="233" applyFont="1" applyBorder="1" applyAlignment="1">
      <alignment vertical="center"/>
    </xf>
    <xf numFmtId="0" fontId="30" fillId="0" borderId="0" xfId="233" applyFont="1" applyBorder="1" applyAlignment="1">
      <alignment horizontal="right" vertical="center"/>
    </xf>
    <xf numFmtId="0" fontId="10" fillId="0" borderId="79" xfId="233" applyFont="1" applyBorder="1" applyAlignment="1">
      <alignment horizontal="center" vertical="center"/>
    </xf>
    <xf numFmtId="0" fontId="10" fillId="0" borderId="79" xfId="233" applyFont="1" applyBorder="1" applyAlignment="1">
      <alignment vertical="center"/>
    </xf>
    <xf numFmtId="0" fontId="10" fillId="0" borderId="0" xfId="233" applyFont="1" applyBorder="1" applyAlignment="1">
      <alignment horizontal="right" vertical="center"/>
    </xf>
    <xf numFmtId="0" fontId="10" fillId="0" borderId="0" xfId="233" applyFont="1" applyAlignment="1">
      <alignment horizontal="center" vertical="center"/>
    </xf>
    <xf numFmtId="0" fontId="87" fillId="0" borderId="0" xfId="233" applyFont="1" applyAlignment="1">
      <alignment vertical="center"/>
    </xf>
    <xf numFmtId="0" fontId="87" fillId="0" borderId="0" xfId="233" applyFont="1" applyAlignment="1">
      <alignment horizontal="center" vertical="center"/>
    </xf>
    <xf numFmtId="0" fontId="45" fillId="0" borderId="74" xfId="117" applyFont="1" applyBorder="1" applyAlignment="1">
      <alignment horizontal="center"/>
    </xf>
    <xf numFmtId="0" fontId="43" fillId="0" borderId="0" xfId="117" applyFont="1" applyBorder="1"/>
    <xf numFmtId="38" fontId="45" fillId="0" borderId="15" xfId="98" applyFont="1" applyBorder="1"/>
    <xf numFmtId="38" fontId="45" fillId="0" borderId="24" xfId="98" applyFont="1" applyBorder="1"/>
    <xf numFmtId="38" fontId="48" fillId="0" borderId="24" xfId="98" applyFont="1" applyBorder="1" applyAlignment="1">
      <alignment horizontal="left"/>
    </xf>
    <xf numFmtId="38" fontId="48" fillId="0" borderId="0" xfId="117" applyNumberFormat="1" applyFont="1" applyBorder="1" applyAlignment="1">
      <alignment horizontal="center"/>
    </xf>
    <xf numFmtId="10" fontId="48" fillId="0" borderId="0" xfId="89" quotePrefix="1" applyNumberFormat="1" applyFont="1" applyBorder="1" applyAlignment="1">
      <alignment horizontal="left"/>
    </xf>
    <xf numFmtId="38" fontId="10" fillId="0" borderId="19" xfId="214" applyFont="1" applyBorder="1"/>
    <xf numFmtId="200" fontId="48" fillId="0" borderId="24" xfId="98" applyNumberFormat="1" applyFont="1" applyBorder="1" applyAlignment="1">
      <alignment horizontal="right"/>
    </xf>
    <xf numFmtId="38" fontId="48" fillId="0" borderId="0" xfId="98" applyFont="1" applyBorder="1" applyAlignment="1">
      <alignment horizontal="center"/>
    </xf>
    <xf numFmtId="38" fontId="48" fillId="0" borderId="0" xfId="98" applyFont="1" applyBorder="1" applyAlignment="1">
      <alignment horizontal="left"/>
    </xf>
    <xf numFmtId="38" fontId="48" fillId="0" borderId="24" xfId="98" applyFont="1" applyBorder="1" applyAlignment="1">
      <alignment horizontal="right"/>
    </xf>
    <xf numFmtId="0" fontId="48" fillId="0" borderId="0" xfId="117" applyFont="1" applyBorder="1" applyAlignment="1">
      <alignment horizontal="center"/>
    </xf>
    <xf numFmtId="0" fontId="48" fillId="0" borderId="0" xfId="117" applyFont="1" applyBorder="1" applyAlignment="1">
      <alignment horizontal="left"/>
    </xf>
    <xf numFmtId="227" fontId="43" fillId="0" borderId="0" xfId="117" applyNumberFormat="1" applyFont="1" applyBorder="1" applyAlignment="1">
      <alignment horizontal="center"/>
    </xf>
    <xf numFmtId="0" fontId="48" fillId="0" borderId="29" xfId="117" quotePrefix="1" applyFont="1" applyBorder="1"/>
    <xf numFmtId="0" fontId="47" fillId="0" borderId="0" xfId="117" applyFont="1" applyBorder="1"/>
    <xf numFmtId="0" fontId="49" fillId="0" borderId="51" xfId="115" applyFont="1" applyFill="1" applyBorder="1" applyAlignment="1">
      <alignment horizontal="left" vertical="center"/>
    </xf>
    <xf numFmtId="176" fontId="49" fillId="0" borderId="53" xfId="98" applyNumberFormat="1" applyFont="1" applyBorder="1" applyProtection="1">
      <protection locked="0"/>
    </xf>
    <xf numFmtId="0" fontId="51" fillId="0" borderId="51" xfId="0" applyFont="1" applyBorder="1" applyAlignment="1">
      <alignment horizontal="center" vertical="center"/>
    </xf>
    <xf numFmtId="0" fontId="51" fillId="0" borderId="0" xfId="0" applyFont="1" applyBorder="1" applyAlignment="1">
      <alignment horizontal="center" vertical="center"/>
    </xf>
    <xf numFmtId="0" fontId="51" fillId="0" borderId="25" xfId="0" applyFont="1" applyBorder="1" applyAlignment="1">
      <alignment horizontal="center" vertical="center"/>
    </xf>
    <xf numFmtId="0" fontId="51" fillId="0" borderId="0" xfId="0" applyFont="1" applyBorder="1" applyAlignment="1"/>
    <xf numFmtId="0" fontId="51" fillId="0" borderId="25" xfId="0" applyFont="1" applyBorder="1" applyAlignment="1"/>
    <xf numFmtId="0" fontId="49" fillId="0" borderId="15" xfId="0" applyFont="1" applyBorder="1" applyAlignment="1">
      <alignment vertical="center"/>
    </xf>
    <xf numFmtId="197" fontId="49" fillId="0" borderId="58" xfId="0" applyNumberFormat="1" applyFont="1" applyBorder="1" applyAlignment="1">
      <alignment vertical="center"/>
    </xf>
    <xf numFmtId="0" fontId="49" fillId="0" borderId="47" xfId="115" applyFont="1" applyBorder="1" applyAlignment="1" applyProtection="1">
      <alignment vertical="center"/>
      <protection locked="0"/>
    </xf>
    <xf numFmtId="202" fontId="49" fillId="0" borderId="48" xfId="115" applyNumberFormat="1" applyFont="1" applyFill="1" applyBorder="1" applyAlignment="1" applyProtection="1">
      <alignment horizontal="right" vertical="center"/>
      <protection locked="0"/>
    </xf>
    <xf numFmtId="202" fontId="49" fillId="0" borderId="63" xfId="98" applyNumberFormat="1" applyFont="1" applyFill="1" applyBorder="1" applyAlignment="1" applyProtection="1">
      <alignment horizontal="right" vertical="center"/>
      <protection locked="0"/>
    </xf>
    <xf numFmtId="0" fontId="49" fillId="0" borderId="49" xfId="115" applyFont="1" applyFill="1" applyBorder="1" applyAlignment="1">
      <alignment horizontal="center" vertical="center"/>
    </xf>
    <xf numFmtId="0" fontId="51" fillId="0" borderId="50" xfId="115" applyFont="1" applyBorder="1" applyAlignment="1" applyProtection="1">
      <alignment vertical="center"/>
      <protection locked="0"/>
    </xf>
    <xf numFmtId="0" fontId="49" fillId="0" borderId="51" xfId="115" applyFont="1" applyFill="1" applyBorder="1" applyAlignment="1" applyProtection="1">
      <alignment vertical="center"/>
      <protection locked="0"/>
    </xf>
    <xf numFmtId="0" fontId="49" fillId="0" borderId="51" xfId="115" applyFont="1" applyFill="1" applyBorder="1" applyAlignment="1" applyProtection="1">
      <alignment horizontal="center" vertical="center"/>
      <protection locked="0"/>
    </xf>
    <xf numFmtId="202" fontId="49" fillId="0" borderId="51" xfId="115" applyNumberFormat="1" applyFont="1" applyFill="1" applyBorder="1" applyAlignment="1" applyProtection="1">
      <alignment horizontal="right" vertical="center"/>
      <protection locked="0"/>
    </xf>
    <xf numFmtId="202" fontId="49" fillId="0" borderId="60" xfId="98" applyNumberFormat="1" applyFont="1" applyFill="1" applyBorder="1" applyAlignment="1" applyProtection="1">
      <alignment horizontal="right" vertical="center"/>
      <protection locked="0"/>
    </xf>
    <xf numFmtId="0" fontId="49" fillId="0" borderId="52" xfId="115" applyFont="1" applyFill="1" applyBorder="1" applyAlignment="1" applyProtection="1">
      <alignment horizontal="center" vertical="center"/>
      <protection locked="0"/>
    </xf>
    <xf numFmtId="0" fontId="49" fillId="0" borderId="56" xfId="115" applyFont="1" applyBorder="1" applyAlignment="1" applyProtection="1">
      <protection locked="0"/>
    </xf>
    <xf numFmtId="0" fontId="49" fillId="0" borderId="53" xfId="115" applyFont="1" applyFill="1" applyBorder="1" applyAlignment="1" applyProtection="1">
      <protection locked="0"/>
    </xf>
    <xf numFmtId="0" fontId="49" fillId="0" borderId="53" xfId="115" applyFont="1" applyBorder="1"/>
    <xf numFmtId="202" fontId="49" fillId="0" borderId="0" xfId="115" applyNumberFormat="1" applyFont="1" applyBorder="1"/>
    <xf numFmtId="202" fontId="49" fillId="0" borderId="51" xfId="98" applyNumberFormat="1" applyFont="1" applyFill="1" applyBorder="1" applyProtection="1">
      <protection locked="0"/>
    </xf>
    <xf numFmtId="205" fontId="49" fillId="0" borderId="54" xfId="115" applyNumberFormat="1" applyFont="1" applyFill="1" applyBorder="1" applyAlignment="1" applyProtection="1">
      <alignment horizontal="center"/>
      <protection locked="0"/>
    </xf>
    <xf numFmtId="0" fontId="51" fillId="0" borderId="48" xfId="115" applyFont="1" applyFill="1" applyBorder="1" applyAlignment="1" applyProtection="1">
      <alignment vertical="center"/>
      <protection locked="0"/>
    </xf>
    <xf numFmtId="0" fontId="51" fillId="0" borderId="48" xfId="115" applyFont="1" applyFill="1" applyBorder="1" applyAlignment="1" applyProtection="1">
      <alignment horizontal="right" vertical="center"/>
      <protection locked="0"/>
    </xf>
    <xf numFmtId="38" fontId="51" fillId="0" borderId="48" xfId="98" applyFont="1" applyFill="1" applyBorder="1" applyAlignment="1" applyProtection="1">
      <alignment horizontal="right" vertical="center"/>
      <protection locked="0"/>
    </xf>
    <xf numFmtId="0" fontId="51" fillId="0" borderId="49" xfId="115" applyFont="1" applyFill="1" applyBorder="1" applyAlignment="1">
      <alignment horizontal="center" vertical="center"/>
    </xf>
    <xf numFmtId="0" fontId="51" fillId="0" borderId="51" xfId="115" applyFont="1" applyFill="1" applyBorder="1" applyAlignment="1" applyProtection="1">
      <alignment vertical="center"/>
      <protection locked="0"/>
    </xf>
    <xf numFmtId="0" fontId="51" fillId="0" borderId="51" xfId="115" applyFont="1" applyFill="1" applyBorder="1" applyAlignment="1" applyProtection="1">
      <alignment horizontal="right" vertical="center"/>
      <protection locked="0"/>
    </xf>
    <xf numFmtId="38" fontId="51" fillId="0" borderId="51" xfId="98" applyFont="1" applyFill="1" applyBorder="1" applyAlignment="1" applyProtection="1">
      <alignment horizontal="right" vertical="center"/>
      <protection locked="0"/>
    </xf>
    <xf numFmtId="0" fontId="51" fillId="0" borderId="52" xfId="115" applyFont="1" applyFill="1" applyBorder="1" applyAlignment="1" applyProtection="1">
      <alignment horizontal="center" vertical="center"/>
      <protection locked="0"/>
    </xf>
    <xf numFmtId="0" fontId="49" fillId="0" borderId="53" xfId="115" applyFont="1" applyFill="1" applyBorder="1" applyAlignment="1" applyProtection="1">
      <alignment vertical="center"/>
      <protection locked="0"/>
    </xf>
    <xf numFmtId="0" fontId="49" fillId="0" borderId="53" xfId="115" applyFont="1" applyFill="1" applyBorder="1" applyAlignment="1" applyProtection="1">
      <alignment horizontal="center"/>
      <protection locked="0"/>
    </xf>
    <xf numFmtId="0" fontId="51" fillId="0" borderId="53" xfId="115" applyFont="1" applyFill="1" applyBorder="1" applyAlignment="1" applyProtection="1">
      <alignment horizontal="right" vertical="center"/>
      <protection locked="0"/>
    </xf>
    <xf numFmtId="38" fontId="51" fillId="0" borderId="53" xfId="98" applyFont="1" applyFill="1" applyBorder="1" applyAlignment="1" applyProtection="1">
      <alignment horizontal="right" vertical="center"/>
      <protection locked="0"/>
    </xf>
    <xf numFmtId="205" fontId="51" fillId="0" borderId="54" xfId="115" applyNumberFormat="1" applyFont="1" applyFill="1" applyBorder="1" applyAlignment="1" applyProtection="1">
      <alignment horizontal="center"/>
      <protection locked="0"/>
    </xf>
    <xf numFmtId="202" fontId="51" fillId="0" borderId="48" xfId="115" applyNumberFormat="1" applyFont="1" applyFill="1" applyBorder="1" applyAlignment="1" applyProtection="1">
      <alignment horizontal="right" vertical="center"/>
      <protection locked="0"/>
    </xf>
    <xf numFmtId="0" fontId="49" fillId="0" borderId="50" xfId="115" applyFont="1" applyBorder="1" applyAlignment="1" applyProtection="1">
      <alignment vertical="center"/>
      <protection locked="0"/>
    </xf>
    <xf numFmtId="202" fontId="51" fillId="0" borderId="51" xfId="115" applyNumberFormat="1" applyFont="1" applyFill="1" applyBorder="1" applyAlignment="1" applyProtection="1">
      <alignment horizontal="right" vertical="center"/>
      <protection locked="0"/>
    </xf>
    <xf numFmtId="202" fontId="49" fillId="0" borderId="53" xfId="115" applyNumberFormat="1" applyFont="1" applyFill="1" applyBorder="1" applyAlignment="1" applyProtection="1">
      <alignment horizontal="right" vertical="center"/>
      <protection locked="0"/>
    </xf>
    <xf numFmtId="205" fontId="51" fillId="0" borderId="54" xfId="115" applyNumberFormat="1" applyFont="1" applyFill="1" applyBorder="1" applyAlignment="1" applyProtection="1">
      <alignment horizontal="center" vertical="center"/>
      <protection locked="0"/>
    </xf>
    <xf numFmtId="0" fontId="49" fillId="0" borderId="48" xfId="115" applyFont="1" applyFill="1" applyBorder="1" applyAlignment="1" applyProtection="1">
      <alignment horizontal="left" vertical="center"/>
      <protection locked="0"/>
    </xf>
    <xf numFmtId="202" fontId="51" fillId="0" borderId="48" xfId="115" applyNumberFormat="1" applyFont="1" applyFill="1" applyBorder="1" applyAlignment="1">
      <alignment horizontal="center" vertical="center"/>
    </xf>
    <xf numFmtId="0" fontId="51" fillId="0" borderId="25" xfId="115" applyFont="1" applyFill="1" applyBorder="1" applyAlignment="1">
      <alignment horizontal="center" vertical="center"/>
    </xf>
    <xf numFmtId="0" fontId="49" fillId="0" borderId="51" xfId="115" applyFont="1" applyFill="1" applyBorder="1" applyAlignment="1" applyProtection="1">
      <alignment horizontal="left"/>
      <protection locked="0"/>
    </xf>
    <xf numFmtId="202" fontId="49" fillId="0" borderId="53" xfId="115" applyNumberFormat="1" applyFont="1" applyFill="1" applyBorder="1" applyAlignment="1" applyProtection="1">
      <alignment vertical="center"/>
      <protection locked="0"/>
    </xf>
    <xf numFmtId="0" fontId="49" fillId="0" borderId="53" xfId="115" applyFont="1" applyFill="1" applyBorder="1" applyAlignment="1" applyProtection="1">
      <alignment horizontal="left"/>
      <protection locked="0"/>
    </xf>
    <xf numFmtId="0" fontId="49" fillId="0" borderId="53" xfId="115" applyFont="1" applyFill="1" applyBorder="1" applyAlignment="1" applyProtection="1">
      <alignment horizontal="right"/>
      <protection locked="0"/>
    </xf>
    <xf numFmtId="38" fontId="49" fillId="0" borderId="62" xfId="239" applyFont="1" applyFill="1" applyBorder="1" applyAlignment="1" applyProtection="1">
      <protection locked="0"/>
    </xf>
    <xf numFmtId="0" fontId="49" fillId="0" borderId="49" xfId="115" applyFont="1" applyFill="1" applyBorder="1" applyAlignment="1" applyProtection="1">
      <alignment horizontal="center" vertical="center"/>
      <protection locked="0"/>
    </xf>
    <xf numFmtId="0" fontId="49" fillId="0" borderId="51" xfId="115" applyFont="1" applyFill="1" applyBorder="1" applyAlignment="1" applyProtection="1">
      <protection locked="0"/>
    </xf>
    <xf numFmtId="0" fontId="49" fillId="0" borderId="51" xfId="115" applyFont="1" applyFill="1" applyBorder="1" applyAlignment="1" applyProtection="1">
      <alignment horizontal="center"/>
      <protection locked="0"/>
    </xf>
    <xf numFmtId="202" fontId="49" fillId="0" borderId="51" xfId="115" applyNumberFormat="1" applyFont="1" applyFill="1" applyBorder="1" applyAlignment="1" applyProtection="1">
      <alignment horizontal="right"/>
      <protection locked="0"/>
    </xf>
    <xf numFmtId="202" fontId="49" fillId="0" borderId="51" xfId="98" applyNumberFormat="1" applyFont="1" applyFill="1" applyBorder="1" applyAlignment="1" applyProtection="1">
      <alignment horizontal="right"/>
      <protection locked="0"/>
    </xf>
    <xf numFmtId="0" fontId="49" fillId="0" borderId="52" xfId="115" applyFont="1" applyFill="1" applyBorder="1" applyAlignment="1" applyProtection="1">
      <alignment horizontal="center"/>
      <protection locked="0"/>
    </xf>
    <xf numFmtId="0" fontId="51" fillId="0" borderId="47" xfId="115" applyFont="1" applyBorder="1" applyAlignment="1">
      <alignment horizontal="center" vertical="center"/>
    </xf>
    <xf numFmtId="0" fontId="3" fillId="0" borderId="49" xfId="115" applyFont="1" applyFill="1" applyBorder="1" applyAlignment="1" applyProtection="1">
      <alignment horizontal="center" vertical="center"/>
      <protection locked="0"/>
    </xf>
    <xf numFmtId="202" fontId="51" fillId="0" borderId="51" xfId="115" applyNumberFormat="1" applyFont="1" applyFill="1" applyBorder="1" applyAlignment="1">
      <alignment horizontal="center" vertical="center"/>
    </xf>
    <xf numFmtId="0" fontId="3" fillId="0" borderId="25" xfId="115" applyFont="1" applyFill="1" applyBorder="1" applyAlignment="1">
      <alignment horizontal="center" vertical="center"/>
    </xf>
    <xf numFmtId="0" fontId="51" fillId="0" borderId="56" xfId="115" applyFont="1" applyBorder="1"/>
    <xf numFmtId="0" fontId="51" fillId="0" borderId="47" xfId="115" applyFont="1" applyBorder="1" applyAlignment="1" applyProtection="1">
      <alignment vertical="center"/>
      <protection locked="0"/>
    </xf>
    <xf numFmtId="0" fontId="51" fillId="0" borderId="56" xfId="115" applyFont="1" applyBorder="1" applyAlignment="1" applyProtection="1">
      <protection locked="0"/>
    </xf>
    <xf numFmtId="0" fontId="51" fillId="0" borderId="49" xfId="115" applyFont="1" applyFill="1" applyBorder="1" applyAlignment="1" applyProtection="1">
      <alignment horizontal="center" vertical="center"/>
      <protection locked="0"/>
    </xf>
    <xf numFmtId="0" fontId="49" fillId="0" borderId="51" xfId="0" applyFont="1" applyBorder="1" applyAlignment="1" applyProtection="1">
      <alignment horizontal="right"/>
      <protection locked="0"/>
    </xf>
    <xf numFmtId="38" fontId="49" fillId="0" borderId="51" xfId="98" applyFont="1" applyBorder="1" applyAlignment="1" applyProtection="1">
      <alignment horizontal="right"/>
      <protection locked="0"/>
    </xf>
    <xf numFmtId="41" fontId="49" fillId="0" borderId="53" xfId="0" applyNumberFormat="1" applyFont="1" applyBorder="1" applyAlignment="1" applyProtection="1">
      <protection locked="0"/>
    </xf>
    <xf numFmtId="202" fontId="49" fillId="0" borderId="53" xfId="98" applyNumberFormat="1" applyFont="1" applyFill="1" applyBorder="1" applyProtection="1">
      <protection locked="0"/>
    </xf>
    <xf numFmtId="0" fontId="75" fillId="0" borderId="48" xfId="115" applyFont="1" applyFill="1" applyBorder="1" applyAlignment="1" applyProtection="1">
      <alignment horizontal="left" vertical="center"/>
      <protection locked="0"/>
    </xf>
    <xf numFmtId="0" fontId="51" fillId="0" borderId="54" xfId="115" applyFont="1" applyFill="1" applyBorder="1" applyAlignment="1" applyProtection="1">
      <alignment horizontal="center" vertical="center"/>
      <protection locked="0"/>
    </xf>
    <xf numFmtId="0" fontId="4" fillId="0" borderId="24" xfId="115" applyFont="1" applyBorder="1"/>
    <xf numFmtId="0" fontId="4" fillId="0" borderId="48" xfId="115" applyFont="1" applyBorder="1"/>
    <xf numFmtId="0" fontId="49" fillId="0" borderId="48" xfId="115" applyFont="1" applyBorder="1" applyAlignment="1" applyProtection="1">
      <alignment vertical="center"/>
      <protection locked="0"/>
    </xf>
    <xf numFmtId="0" fontId="49" fillId="0" borderId="48" xfId="115" applyFont="1" applyBorder="1" applyAlignment="1" applyProtection="1">
      <alignment horizontal="center" vertical="center"/>
      <protection locked="0"/>
    </xf>
    <xf numFmtId="38" fontId="49" fillId="0" borderId="51" xfId="98" applyFont="1" applyFill="1" applyBorder="1" applyAlignment="1" applyProtection="1">
      <alignment horizontal="right"/>
      <protection locked="0"/>
    </xf>
    <xf numFmtId="197" fontId="49" fillId="0" borderId="48" xfId="98" applyNumberFormat="1" applyFont="1" applyFill="1" applyBorder="1" applyAlignment="1" applyProtection="1">
      <alignment horizontal="right" vertical="center"/>
      <protection locked="0"/>
    </xf>
    <xf numFmtId="0" fontId="4" fillId="0" borderId="51" xfId="115" applyFont="1" applyBorder="1"/>
    <xf numFmtId="0" fontId="49" fillId="0" borderId="51" xfId="115" applyFont="1" applyBorder="1" applyAlignment="1" applyProtection="1">
      <protection locked="0"/>
    </xf>
    <xf numFmtId="0" fontId="49" fillId="0" borderId="51" xfId="115" applyFont="1" applyBorder="1" applyAlignment="1" applyProtection="1">
      <alignment horizontal="center" vertical="center"/>
      <protection locked="0"/>
    </xf>
    <xf numFmtId="197" fontId="51" fillId="0" borderId="51" xfId="115" applyNumberFormat="1" applyFont="1" applyFill="1" applyBorder="1" applyAlignment="1">
      <alignment horizontal="center" vertical="center"/>
    </xf>
    <xf numFmtId="0" fontId="4" fillId="0" borderId="56" xfId="115" applyFont="1" applyBorder="1"/>
    <xf numFmtId="0" fontId="51" fillId="0" borderId="53" xfId="115" applyFont="1" applyBorder="1"/>
    <xf numFmtId="0" fontId="49" fillId="0" borderId="53" xfId="115" applyFont="1" applyBorder="1" applyAlignment="1" applyProtection="1">
      <alignment horizontal="center"/>
      <protection locked="0"/>
    </xf>
    <xf numFmtId="38" fontId="49" fillId="0" borderId="53" xfId="239" applyFont="1" applyFill="1" applyBorder="1" applyAlignment="1" applyProtection="1">
      <protection locked="0"/>
    </xf>
    <xf numFmtId="229" fontId="49" fillId="0" borderId="54" xfId="0" applyNumberFormat="1" applyFont="1" applyBorder="1" applyAlignment="1" applyProtection="1">
      <alignment horizontal="left" shrinkToFit="1"/>
      <protection locked="0"/>
    </xf>
    <xf numFmtId="205" fontId="49" fillId="0" borderId="52" xfId="0" applyNumberFormat="1" applyFont="1" applyBorder="1" applyAlignment="1" applyProtection="1">
      <alignment horizontal="left" vertical="center" shrinkToFit="1"/>
      <protection locked="0"/>
    </xf>
    <xf numFmtId="3" fontId="49" fillId="0" borderId="53" xfId="0" applyNumberFormat="1" applyFont="1" applyBorder="1" applyAlignment="1" applyProtection="1">
      <protection locked="0"/>
    </xf>
    <xf numFmtId="38" fontId="49" fillId="0" borderId="53" xfId="240" applyFont="1" applyFill="1" applyBorder="1" applyAlignment="1" applyProtection="1">
      <protection locked="0"/>
    </xf>
    <xf numFmtId="0" fontId="51" fillId="0" borderId="53" xfId="115" applyFont="1" applyBorder="1" applyAlignment="1">
      <alignment horizontal="left"/>
    </xf>
    <xf numFmtId="0" fontId="49" fillId="0" borderId="53" xfId="115" applyFont="1" applyBorder="1" applyAlignment="1" applyProtection="1">
      <alignment horizontal="left"/>
      <protection locked="0"/>
    </xf>
    <xf numFmtId="0" fontId="10" fillId="0" borderId="18" xfId="258" applyFont="1" applyBorder="1" applyAlignment="1">
      <alignment horizontal="distributed"/>
    </xf>
    <xf numFmtId="0" fontId="10" fillId="0" borderId="75" xfId="258" applyFont="1" applyBorder="1" applyAlignment="1">
      <alignment horizontal="left"/>
    </xf>
    <xf numFmtId="0" fontId="10" fillId="0" borderId="19" xfId="258" applyFont="1" applyBorder="1" applyAlignment="1">
      <alignment horizontal="left"/>
    </xf>
    <xf numFmtId="0" fontId="10" fillId="0" borderId="19" xfId="258" applyFont="1" applyBorder="1" applyAlignment="1">
      <alignment horizontal="center"/>
    </xf>
    <xf numFmtId="195" fontId="10" fillId="0" borderId="19" xfId="214" applyNumberFormat="1" applyFont="1" applyFill="1" applyBorder="1"/>
    <xf numFmtId="38" fontId="43" fillId="0" borderId="74" xfId="214" applyFont="1" applyFill="1" applyBorder="1"/>
    <xf numFmtId="0" fontId="45" fillId="0" borderId="74" xfId="258" applyFont="1" applyFill="1" applyBorder="1"/>
    <xf numFmtId="0" fontId="43" fillId="0" borderId="28" xfId="258" applyFont="1" applyFill="1" applyBorder="1"/>
    <xf numFmtId="0" fontId="10" fillId="0" borderId="20" xfId="258" applyFont="1" applyBorder="1" applyAlignment="1">
      <alignment horizontal="distributed"/>
    </xf>
    <xf numFmtId="0" fontId="10" fillId="0" borderId="21" xfId="258" applyFont="1" applyBorder="1" applyAlignment="1">
      <alignment horizontal="left"/>
    </xf>
    <xf numFmtId="0" fontId="10" fillId="0" borderId="25" xfId="258" applyFont="1" applyBorder="1" applyAlignment="1">
      <alignment horizontal="left"/>
    </xf>
    <xf numFmtId="0" fontId="10" fillId="0" borderId="21" xfId="258" applyFont="1" applyBorder="1" applyAlignment="1">
      <alignment horizontal="center"/>
    </xf>
    <xf numFmtId="38" fontId="10" fillId="0" borderId="21" xfId="214" applyFont="1" applyBorder="1"/>
    <xf numFmtId="195" fontId="10" fillId="0" borderId="21" xfId="214" applyNumberFormat="1" applyFont="1" applyFill="1" applyBorder="1"/>
    <xf numFmtId="38" fontId="43" fillId="0" borderId="0" xfId="214" applyFont="1" applyFill="1" applyBorder="1"/>
    <xf numFmtId="0" fontId="45" fillId="0" borderId="0" xfId="258" applyFont="1" applyFill="1" applyBorder="1"/>
    <xf numFmtId="0" fontId="43" fillId="0" borderId="29" xfId="258" applyFont="1" applyFill="1" applyBorder="1"/>
    <xf numFmtId="0" fontId="10" fillId="0" borderId="22" xfId="258" applyFont="1" applyBorder="1" applyAlignment="1">
      <alignment horizontal="left"/>
    </xf>
    <xf numFmtId="0" fontId="10" fillId="0" borderId="23" xfId="225" applyFont="1" applyFill="1" applyBorder="1" applyAlignment="1" applyProtection="1">
      <protection locked="0"/>
    </xf>
    <xf numFmtId="0" fontId="10" fillId="0" borderId="17" xfId="258" applyFont="1" applyBorder="1" applyAlignment="1">
      <alignment horizontal="left"/>
    </xf>
    <xf numFmtId="0" fontId="10" fillId="0" borderId="23" xfId="258" applyFont="1" applyBorder="1" applyAlignment="1">
      <alignment horizontal="left"/>
    </xf>
    <xf numFmtId="0" fontId="10" fillId="0" borderId="23" xfId="258" applyFont="1" applyBorder="1" applyAlignment="1">
      <alignment horizontal="center"/>
    </xf>
    <xf numFmtId="38" fontId="10" fillId="0" borderId="23" xfId="214" applyFont="1" applyBorder="1"/>
    <xf numFmtId="194" fontId="10" fillId="0" borderId="23" xfId="214" applyNumberFormat="1" applyFont="1" applyFill="1" applyBorder="1"/>
    <xf numFmtId="38" fontId="45" fillId="0" borderId="16" xfId="214" applyFont="1" applyFill="1" applyBorder="1"/>
    <xf numFmtId="38" fontId="43" fillId="0" borderId="16" xfId="214" applyFont="1" applyFill="1" applyBorder="1"/>
    <xf numFmtId="0" fontId="45" fillId="0" borderId="16" xfId="258" applyFont="1" applyFill="1" applyBorder="1"/>
    <xf numFmtId="0" fontId="43" fillId="0" borderId="31" xfId="258" applyFont="1" applyFill="1" applyBorder="1"/>
    <xf numFmtId="0" fontId="10" fillId="0" borderId="75" xfId="258" applyFont="1" applyBorder="1" applyAlignment="1">
      <alignment horizontal="distributed"/>
    </xf>
    <xf numFmtId="0" fontId="10" fillId="0" borderId="19" xfId="258" applyFont="1" applyBorder="1" applyAlignment="1">
      <alignment horizontal="distributed"/>
    </xf>
    <xf numFmtId="38" fontId="45" fillId="0" borderId="26" xfId="214" applyFont="1" applyFill="1" applyBorder="1"/>
    <xf numFmtId="38" fontId="45" fillId="0" borderId="74" xfId="214" applyFont="1" applyFill="1" applyBorder="1"/>
    <xf numFmtId="0" fontId="10" fillId="0" borderId="25" xfId="258" applyFont="1" applyBorder="1" applyAlignment="1">
      <alignment horizontal="distributed"/>
    </xf>
    <xf numFmtId="0" fontId="10" fillId="0" borderId="21" xfId="258" applyFont="1" applyBorder="1" applyAlignment="1">
      <alignment horizontal="distributed"/>
    </xf>
    <xf numFmtId="194" fontId="10" fillId="0" borderId="21" xfId="214" applyNumberFormat="1" applyFont="1" applyFill="1" applyBorder="1"/>
    <xf numFmtId="38" fontId="47" fillId="0" borderId="24" xfId="214" applyFont="1" applyFill="1" applyBorder="1" applyAlignment="1">
      <alignment horizontal="right"/>
    </xf>
    <xf numFmtId="38" fontId="47" fillId="0" borderId="0" xfId="214" applyFont="1" applyFill="1" applyBorder="1" applyAlignment="1">
      <alignment horizontal="center"/>
    </xf>
    <xf numFmtId="0" fontId="10" fillId="0" borderId="22" xfId="258" applyFont="1" applyBorder="1" applyAlignment="1">
      <alignment horizontal="distributed"/>
    </xf>
    <xf numFmtId="0" fontId="10" fillId="0" borderId="17" xfId="258" applyFont="1" applyBorder="1" applyAlignment="1">
      <alignment horizontal="distributed"/>
    </xf>
    <xf numFmtId="0" fontId="10" fillId="0" borderId="23" xfId="258" applyFont="1" applyBorder="1" applyAlignment="1">
      <alignment horizontal="distributed"/>
    </xf>
    <xf numFmtId="201" fontId="45" fillId="0" borderId="15" xfId="214" applyNumberFormat="1" applyFont="1" applyFill="1" applyBorder="1" applyAlignment="1">
      <alignment horizontal="right"/>
    </xf>
    <xf numFmtId="201" fontId="45" fillId="0" borderId="16" xfId="214" applyNumberFormat="1" applyFont="1" applyFill="1" applyBorder="1" applyAlignment="1">
      <alignment horizontal="center"/>
    </xf>
    <xf numFmtId="195" fontId="45" fillId="0" borderId="16" xfId="258" applyNumberFormat="1" applyFont="1" applyFill="1" applyBorder="1" applyAlignment="1">
      <alignment horizontal="center"/>
    </xf>
    <xf numFmtId="38" fontId="45" fillId="0" borderId="31" xfId="214" applyFont="1" applyFill="1" applyBorder="1" applyAlignment="1">
      <alignment horizontal="center"/>
    </xf>
    <xf numFmtId="38" fontId="10" fillId="0" borderId="19" xfId="214" applyFont="1" applyFill="1" applyBorder="1"/>
    <xf numFmtId="38" fontId="45" fillId="0" borderId="74" xfId="258" applyNumberFormat="1" applyFont="1" applyFill="1" applyBorder="1" applyAlignment="1">
      <alignment horizontal="left"/>
    </xf>
    <xf numFmtId="38" fontId="10" fillId="0" borderId="21" xfId="214" applyFont="1" applyFill="1" applyBorder="1"/>
    <xf numFmtId="38" fontId="46" fillId="0" borderId="24" xfId="214" applyFont="1" applyFill="1" applyBorder="1" applyAlignment="1">
      <alignment horizontal="left"/>
    </xf>
    <xf numFmtId="38" fontId="45" fillId="0" borderId="0" xfId="214" applyFont="1" applyFill="1" applyBorder="1"/>
    <xf numFmtId="0" fontId="92" fillId="0" borderId="23" xfId="258" applyFont="1" applyBorder="1" applyAlignment="1">
      <alignment horizontal="distributed"/>
    </xf>
    <xf numFmtId="38" fontId="45" fillId="0" borderId="15" xfId="214" quotePrefix="1" applyFont="1" applyFill="1" applyBorder="1" applyAlignment="1">
      <alignment horizontal="right"/>
    </xf>
    <xf numFmtId="38" fontId="45" fillId="0" borderId="16" xfId="214" quotePrefix="1" applyFont="1" applyFill="1" applyBorder="1"/>
    <xf numFmtId="0" fontId="92" fillId="0" borderId="19" xfId="258" applyFont="1" applyBorder="1" applyAlignment="1">
      <alignment horizontal="distributed"/>
    </xf>
    <xf numFmtId="38" fontId="47" fillId="0" borderId="0" xfId="214" applyFont="1" applyFill="1" applyBorder="1" applyAlignment="1">
      <alignment horizontal="right"/>
    </xf>
    <xf numFmtId="200" fontId="45" fillId="0" borderId="0" xfId="258" applyNumberFormat="1" applyFont="1" applyFill="1" applyBorder="1" applyAlignment="1">
      <alignment horizontal="left"/>
    </xf>
    <xf numFmtId="0" fontId="10" fillId="0" borderId="42" xfId="258" applyFont="1" applyBorder="1" applyAlignment="1">
      <alignment horizontal="distributed"/>
    </xf>
    <xf numFmtId="0" fontId="10" fillId="0" borderId="33" xfId="258" applyFont="1" applyBorder="1" applyAlignment="1">
      <alignment horizontal="distributed"/>
    </xf>
    <xf numFmtId="0" fontId="10" fillId="0" borderId="43" xfId="258" applyFont="1" applyBorder="1" applyAlignment="1">
      <alignment horizontal="distributed"/>
    </xf>
    <xf numFmtId="0" fontId="10" fillId="0" borderId="43" xfId="258" applyFont="1" applyBorder="1" applyAlignment="1">
      <alignment horizontal="center"/>
    </xf>
    <xf numFmtId="38" fontId="10" fillId="0" borderId="43" xfId="214" applyFont="1" applyBorder="1"/>
    <xf numFmtId="197" fontId="10" fillId="0" borderId="43" xfId="214" applyNumberFormat="1" applyFont="1" applyFill="1" applyBorder="1"/>
    <xf numFmtId="201" fontId="45" fillId="0" borderId="34" xfId="214" applyNumberFormat="1" applyFont="1" applyFill="1" applyBorder="1" applyAlignment="1">
      <alignment horizontal="right"/>
    </xf>
    <xf numFmtId="38" fontId="45" fillId="0" borderId="32" xfId="214" applyFont="1" applyFill="1" applyBorder="1"/>
    <xf numFmtId="0" fontId="45" fillId="0" borderId="32" xfId="258" applyFont="1" applyFill="1" applyBorder="1" applyAlignment="1">
      <alignment horizontal="left"/>
    </xf>
    <xf numFmtId="0" fontId="43" fillId="0" borderId="35" xfId="258" applyFont="1" applyFill="1" applyBorder="1"/>
    <xf numFmtId="0" fontId="51" fillId="0" borderId="57" xfId="115" applyFont="1" applyBorder="1" applyAlignment="1" applyProtection="1">
      <alignment horizontal="right"/>
      <protection locked="0"/>
    </xf>
    <xf numFmtId="0" fontId="49" fillId="0" borderId="58" xfId="0" applyFont="1" applyBorder="1" applyAlignment="1" applyProtection="1">
      <protection locked="0"/>
    </xf>
    <xf numFmtId="0" fontId="49" fillId="0" borderId="58" xfId="0" applyFont="1" applyBorder="1" applyAlignment="1" applyProtection="1">
      <alignment horizontal="center"/>
      <protection locked="0"/>
    </xf>
    <xf numFmtId="0" fontId="49" fillId="0" borderId="58" xfId="0" applyFont="1" applyBorder="1" applyAlignment="1" applyProtection="1">
      <alignment horizontal="right"/>
      <protection locked="0"/>
    </xf>
    <xf numFmtId="38" fontId="49" fillId="0" borderId="58" xfId="98" applyFont="1" applyBorder="1" applyAlignment="1" applyProtection="1">
      <alignment horizontal="right"/>
      <protection locked="0"/>
    </xf>
    <xf numFmtId="41" fontId="49" fillId="0" borderId="58" xfId="98" applyNumberFormat="1" applyFont="1" applyBorder="1" applyProtection="1">
      <protection locked="0"/>
    </xf>
    <xf numFmtId="229" fontId="49" fillId="0" borderId="59" xfId="0" applyNumberFormat="1" applyFont="1" applyBorder="1" applyAlignment="1" applyProtection="1">
      <alignment horizontal="left" shrinkToFit="1"/>
      <protection locked="0"/>
    </xf>
    <xf numFmtId="195" fontId="49" fillId="0" borderId="62" xfId="98" applyNumberFormat="1" applyFont="1" applyFill="1" applyBorder="1" applyProtection="1">
      <protection locked="0"/>
    </xf>
    <xf numFmtId="176" fontId="49" fillId="0" borderId="48" xfId="240" applyNumberFormat="1" applyFont="1" applyBorder="1" applyAlignment="1" applyProtection="1">
      <alignment horizontal="right" vertical="center"/>
      <protection locked="0"/>
    </xf>
    <xf numFmtId="176" fontId="49" fillId="0" borderId="60" xfId="240" applyNumberFormat="1" applyFont="1" applyFill="1" applyBorder="1" applyAlignment="1" applyProtection="1">
      <alignment horizontal="right" vertical="center"/>
      <protection locked="0"/>
    </xf>
    <xf numFmtId="179" fontId="49" fillId="0" borderId="51" xfId="240" applyNumberFormat="1" applyFont="1" applyBorder="1" applyAlignment="1" applyProtection="1">
      <protection locked="0"/>
    </xf>
    <xf numFmtId="0" fontId="49" fillId="0" borderId="51" xfId="115" applyFont="1" applyBorder="1" applyAlignment="1" applyProtection="1">
      <alignment vertical="center"/>
      <protection locked="0"/>
    </xf>
    <xf numFmtId="202" fontId="49" fillId="0" borderId="53" xfId="115" applyNumberFormat="1" applyFont="1" applyFill="1" applyBorder="1" applyAlignment="1" applyProtection="1">
      <alignment horizontal="right"/>
      <protection locked="0"/>
    </xf>
    <xf numFmtId="197" fontId="51" fillId="0" borderId="48" xfId="115" applyNumberFormat="1" applyFont="1" applyFill="1" applyBorder="1" applyAlignment="1">
      <alignment horizontal="center" vertical="center"/>
    </xf>
    <xf numFmtId="0" fontId="49" fillId="0" borderId="51" xfId="115" applyFont="1" applyFill="1" applyBorder="1" applyAlignment="1" applyProtection="1">
      <alignment horizontal="left" vertical="center"/>
      <protection locked="0"/>
    </xf>
    <xf numFmtId="197" fontId="49" fillId="0" borderId="51" xfId="98" applyNumberFormat="1" applyFont="1" applyFill="1" applyBorder="1" applyAlignment="1" applyProtection="1">
      <alignment horizontal="right" vertical="center"/>
      <protection locked="0"/>
    </xf>
    <xf numFmtId="0" fontId="51" fillId="0" borderId="53" xfId="115" applyFont="1" applyFill="1" applyBorder="1" applyAlignment="1" applyProtection="1">
      <protection locked="0"/>
    </xf>
    <xf numFmtId="0" fontId="51" fillId="0" borderId="0" xfId="115" applyFont="1" applyBorder="1" applyAlignment="1">
      <alignment horizontal="center" vertical="center"/>
    </xf>
    <xf numFmtId="0" fontId="51" fillId="0" borderId="48" xfId="115" applyFont="1" applyBorder="1" applyAlignment="1">
      <alignment horizontal="center" vertical="center"/>
    </xf>
    <xf numFmtId="0" fontId="51" fillId="0" borderId="51" xfId="115" applyFont="1" applyBorder="1" applyAlignment="1">
      <alignment horizontal="center" vertical="center"/>
    </xf>
    <xf numFmtId="0" fontId="51" fillId="0" borderId="0" xfId="115" applyFont="1" applyBorder="1"/>
    <xf numFmtId="0" fontId="49" fillId="0" borderId="53" xfId="115" applyFont="1" applyBorder="1" applyAlignment="1" applyProtection="1">
      <protection locked="0"/>
    </xf>
    <xf numFmtId="197" fontId="51" fillId="0" borderId="48" xfId="115" applyNumberFormat="1" applyFont="1" applyBorder="1" applyAlignment="1">
      <alignment horizontal="center" vertical="center"/>
    </xf>
    <xf numFmtId="197" fontId="49" fillId="0" borderId="51" xfId="98" applyNumberFormat="1" applyFont="1" applyBorder="1" applyAlignment="1" applyProtection="1">
      <alignment horizontal="right" vertical="center"/>
      <protection locked="0"/>
    </xf>
    <xf numFmtId="209" fontId="49" fillId="0" borderId="53" xfId="98" applyNumberFormat="1" applyFont="1" applyBorder="1" applyAlignment="1" applyProtection="1">
      <alignment horizontal="right"/>
      <protection locked="0"/>
    </xf>
    <xf numFmtId="197" fontId="49" fillId="0" borderId="62" xfId="98" applyNumberFormat="1" applyFont="1" applyBorder="1" applyProtection="1">
      <protection locked="0"/>
    </xf>
    <xf numFmtId="231" fontId="93" fillId="0" borderId="53" xfId="98" applyNumberFormat="1" applyFont="1" applyFill="1" applyBorder="1" applyAlignment="1" applyProtection="1">
      <alignment horizontal="right"/>
      <protection locked="0"/>
    </xf>
    <xf numFmtId="202" fontId="93" fillId="0" borderId="53" xfId="240" applyNumberFormat="1" applyFont="1" applyFill="1" applyBorder="1" applyAlignment="1" applyProtection="1">
      <alignment horizontal="right"/>
      <protection locked="0"/>
    </xf>
    <xf numFmtId="0" fontId="51" fillId="0" borderId="56" xfId="115" applyFont="1" applyBorder="1" applyAlignment="1" applyProtection="1">
      <alignment horizontal="right"/>
      <protection locked="0"/>
    </xf>
    <xf numFmtId="207" fontId="49" fillId="0" borderId="53" xfId="98" applyNumberFormat="1" applyFont="1" applyFill="1" applyBorder="1" applyAlignment="1" applyProtection="1">
      <alignment horizontal="right"/>
      <protection locked="0"/>
    </xf>
    <xf numFmtId="0" fontId="49" fillId="0" borderId="53" xfId="115" applyFont="1" applyBorder="1" applyAlignment="1" applyProtection="1">
      <alignment horizontal="left" vertical="top" wrapText="1"/>
      <protection locked="0"/>
    </xf>
    <xf numFmtId="0" fontId="49" fillId="0" borderId="53" xfId="115" applyFont="1" applyBorder="1" applyAlignment="1" applyProtection="1">
      <alignment horizontal="left" vertical="center"/>
      <protection locked="0"/>
    </xf>
    <xf numFmtId="0" fontId="49" fillId="0" borderId="53" xfId="115" applyFont="1" applyBorder="1" applyAlignment="1" applyProtection="1">
      <alignment horizontal="center" shrinkToFit="1"/>
      <protection locked="0"/>
    </xf>
    <xf numFmtId="0" fontId="49" fillId="0" borderId="67" xfId="115" applyNumberFormat="1" applyFont="1" applyFill="1" applyBorder="1" applyAlignment="1" applyProtection="1">
      <alignment vertical="center"/>
      <protection locked="0"/>
    </xf>
    <xf numFmtId="41" fontId="49" fillId="0" borderId="53" xfId="98" applyNumberFormat="1" applyFont="1" applyBorder="1" applyProtection="1">
      <protection locked="0"/>
    </xf>
    <xf numFmtId="0" fontId="49" fillId="0" borderId="51" xfId="0" applyFont="1" applyFill="1" applyBorder="1" applyAlignment="1">
      <alignment horizontal="left"/>
    </xf>
    <xf numFmtId="0" fontId="49" fillId="0" borderId="53" xfId="0" applyFont="1" applyFill="1" applyBorder="1" applyAlignment="1">
      <alignment horizontal="left"/>
    </xf>
    <xf numFmtId="0" fontId="49" fillId="0" borderId="53" xfId="115" applyFont="1" applyFill="1" applyBorder="1" applyAlignment="1" applyProtection="1">
      <alignment horizontal="left" vertical="center" wrapText="1"/>
      <protection locked="0"/>
    </xf>
    <xf numFmtId="231" fontId="49" fillId="0" borderId="51" xfId="115" applyNumberFormat="1" applyFont="1" applyFill="1" applyBorder="1" applyAlignment="1" applyProtection="1">
      <alignment horizontal="right"/>
      <protection locked="0"/>
    </xf>
    <xf numFmtId="231" fontId="49" fillId="0" borderId="51" xfId="115" applyNumberFormat="1" applyFont="1" applyFill="1" applyBorder="1" applyAlignment="1" applyProtection="1">
      <alignment horizontal="right" vertical="center"/>
      <protection locked="0"/>
    </xf>
    <xf numFmtId="231" fontId="49" fillId="0" borderId="53" xfId="98" applyNumberFormat="1" applyFont="1" applyBorder="1" applyAlignment="1" applyProtection="1">
      <alignment horizontal="right"/>
      <protection locked="0"/>
    </xf>
    <xf numFmtId="231" fontId="49" fillId="0" borderId="66" xfId="115" applyNumberFormat="1" applyFont="1" applyFill="1" applyBorder="1" applyAlignment="1" applyProtection="1">
      <alignment horizontal="right" vertical="center"/>
      <protection locked="0"/>
    </xf>
    <xf numFmtId="231" fontId="49" fillId="0" borderId="67" xfId="115" applyNumberFormat="1" applyFont="1" applyFill="1" applyBorder="1" applyAlignment="1" applyProtection="1">
      <alignment horizontal="right" wrapText="1"/>
      <protection locked="0"/>
    </xf>
    <xf numFmtId="0" fontId="49" fillId="0" borderId="1" xfId="0" applyFont="1" applyBorder="1" applyAlignment="1">
      <alignment vertical="center"/>
    </xf>
    <xf numFmtId="197" fontId="49" fillId="0" borderId="53" xfId="0" applyNumberFormat="1" applyFont="1" applyBorder="1" applyAlignment="1">
      <alignment vertical="center"/>
    </xf>
    <xf numFmtId="232" fontId="49" fillId="0" borderId="53" xfId="98" applyNumberFormat="1" applyFont="1" applyFill="1" applyBorder="1" applyAlignment="1" applyProtection="1">
      <alignment horizontal="right"/>
      <protection locked="0"/>
    </xf>
    <xf numFmtId="40" fontId="49" fillId="0" borderId="53" xfId="98" applyNumberFormat="1" applyFont="1" applyFill="1" applyBorder="1" applyAlignment="1" applyProtection="1">
      <alignment horizontal="right"/>
      <protection locked="0"/>
    </xf>
    <xf numFmtId="0" fontId="49" fillId="0" borderId="53" xfId="115" applyFont="1" applyFill="1" applyBorder="1" applyAlignment="1" applyProtection="1">
      <alignment horizontal="right" vertical="center"/>
      <protection locked="0"/>
    </xf>
    <xf numFmtId="0" fontId="49" fillId="0" borderId="0" xfId="0" applyFont="1">
      <alignment vertical="center"/>
    </xf>
    <xf numFmtId="0" fontId="49" fillId="0" borderId="0" xfId="233" applyFont="1" applyAlignment="1">
      <alignment vertical="center"/>
    </xf>
    <xf numFmtId="0" fontId="6" fillId="0" borderId="61" xfId="259" applyFont="1" applyFill="1" applyBorder="1" applyAlignment="1">
      <alignment shrinkToFit="1"/>
    </xf>
    <xf numFmtId="0" fontId="6" fillId="0" borderId="40" xfId="259" applyFont="1" applyFill="1" applyBorder="1" applyAlignment="1">
      <alignment shrinkToFit="1"/>
    </xf>
    <xf numFmtId="0" fontId="6" fillId="0" borderId="26" xfId="259" applyFont="1" applyFill="1" applyBorder="1"/>
    <xf numFmtId="0" fontId="6" fillId="0" borderId="74" xfId="259" applyFont="1" applyFill="1" applyBorder="1"/>
    <xf numFmtId="0" fontId="6" fillId="0" borderId="75" xfId="259" applyFont="1" applyFill="1" applyBorder="1"/>
    <xf numFmtId="0" fontId="6" fillId="0" borderId="24" xfId="259" applyFont="1" applyFill="1" applyBorder="1"/>
    <xf numFmtId="0" fontId="6" fillId="0" borderId="0" xfId="259" applyFont="1" applyFill="1" applyBorder="1"/>
    <xf numFmtId="0" fontId="6" fillId="0" borderId="25" xfId="259" applyFont="1" applyFill="1" applyBorder="1"/>
    <xf numFmtId="0" fontId="94" fillId="0" borderId="0" xfId="259" applyFont="1" applyFill="1" applyBorder="1"/>
    <xf numFmtId="0" fontId="6" fillId="0" borderId="0" xfId="259" applyFont="1" applyFill="1"/>
    <xf numFmtId="0" fontId="94" fillId="0" borderId="0" xfId="259" applyFont="1" applyFill="1"/>
    <xf numFmtId="0" fontId="6" fillId="0" borderId="15" xfId="259" applyFont="1" applyFill="1" applyBorder="1" applyAlignment="1">
      <alignment horizontal="center"/>
    </xf>
    <xf numFmtId="0" fontId="6" fillId="0" borderId="16" xfId="259" applyFont="1" applyFill="1" applyBorder="1" applyAlignment="1">
      <alignment horizontal="center"/>
    </xf>
    <xf numFmtId="0" fontId="6" fillId="0" borderId="17" xfId="259" applyFont="1" applyFill="1" applyBorder="1" applyAlignment="1">
      <alignment horizontal="center"/>
    </xf>
    <xf numFmtId="0" fontId="6" fillId="0" borderId="15" xfId="259" applyFont="1" applyFill="1" applyBorder="1"/>
    <xf numFmtId="0" fontId="6" fillId="0" borderId="16" xfId="259" applyFont="1" applyFill="1" applyBorder="1"/>
    <xf numFmtId="0" fontId="6" fillId="0" borderId="17" xfId="259" applyFont="1" applyFill="1" applyBorder="1"/>
    <xf numFmtId="0" fontId="6" fillId="0" borderId="0" xfId="259" applyFont="1" applyFill="1" applyBorder="1" applyAlignment="1">
      <alignment horizontal="left" vertical="center"/>
    </xf>
    <xf numFmtId="0" fontId="6" fillId="0" borderId="74" xfId="259" applyFont="1" applyFill="1" applyBorder="1" applyAlignment="1">
      <alignment horizontal="right"/>
    </xf>
    <xf numFmtId="0" fontId="6" fillId="0" borderId="75" xfId="259" applyFont="1" applyFill="1" applyBorder="1" applyAlignment="1"/>
    <xf numFmtId="0" fontId="6" fillId="0" borderId="24" xfId="259" applyFont="1" applyFill="1" applyBorder="1" applyAlignment="1">
      <alignment shrinkToFit="1"/>
    </xf>
    <xf numFmtId="0" fontId="6" fillId="0" borderId="0" xfId="259" applyFont="1" applyFill="1" applyBorder="1" applyAlignment="1">
      <alignment horizontal="right"/>
    </xf>
    <xf numFmtId="0" fontId="6" fillId="0" borderId="25" xfId="259" applyFont="1" applyFill="1" applyBorder="1" applyAlignment="1"/>
    <xf numFmtId="0" fontId="6" fillId="0" borderId="0" xfId="259" applyFont="1" applyFill="1" applyBorder="1" applyAlignment="1">
      <alignment horizontal="left"/>
    </xf>
    <xf numFmtId="0" fontId="6" fillId="0" borderId="15" xfId="259" applyFont="1" applyFill="1" applyBorder="1" applyAlignment="1"/>
    <xf numFmtId="0" fontId="6" fillId="0" borderId="16" xfId="259" applyFont="1" applyFill="1" applyBorder="1" applyAlignment="1"/>
    <xf numFmtId="0" fontId="6" fillId="0" borderId="17" xfId="259" applyFont="1" applyFill="1" applyBorder="1" applyAlignment="1"/>
    <xf numFmtId="0" fontId="6" fillId="0" borderId="24" xfId="259" applyFont="1" applyFill="1" applyBorder="1" applyAlignment="1"/>
    <xf numFmtId="0" fontId="10" fillId="0" borderId="26" xfId="259" applyFont="1" applyFill="1" applyBorder="1" applyAlignment="1">
      <alignment horizontal="center" vertical="center"/>
    </xf>
    <xf numFmtId="0" fontId="10" fillId="0" borderId="74" xfId="259" applyFont="1" applyFill="1" applyBorder="1" applyAlignment="1">
      <alignment vertical="center"/>
    </xf>
    <xf numFmtId="0" fontId="10" fillId="0" borderId="28" xfId="259" applyFont="1" applyFill="1" applyBorder="1" applyAlignment="1">
      <alignment vertical="center"/>
    </xf>
    <xf numFmtId="0" fontId="4" fillId="0" borderId="24" xfId="259" applyFont="1" applyFill="1" applyBorder="1" applyAlignment="1">
      <alignment vertical="center"/>
    </xf>
    <xf numFmtId="0" fontId="10" fillId="0" borderId="0" xfId="259" applyFont="1" applyFill="1" applyBorder="1" applyAlignment="1">
      <alignment vertical="center" shrinkToFit="1"/>
    </xf>
    <xf numFmtId="0" fontId="10" fillId="0" borderId="25" xfId="259" applyFont="1" applyFill="1" applyBorder="1" applyAlignment="1">
      <alignment vertical="center" shrinkToFit="1"/>
    </xf>
    <xf numFmtId="0" fontId="10" fillId="0" borderId="24" xfId="259" applyFont="1" applyFill="1" applyBorder="1" applyAlignment="1">
      <alignment horizontal="center" vertical="center"/>
    </xf>
    <xf numFmtId="0" fontId="10" fillId="0" borderId="0" xfId="259" applyFont="1" applyFill="1" applyBorder="1" applyAlignment="1">
      <alignment vertical="top"/>
    </xf>
    <xf numFmtId="0" fontId="10" fillId="0" borderId="29" xfId="259" applyFont="1" applyFill="1" applyBorder="1" applyAlignment="1">
      <alignment vertical="center"/>
    </xf>
    <xf numFmtId="0" fontId="10" fillId="0" borderId="0" xfId="259" applyFont="1" applyFill="1" applyBorder="1" applyAlignment="1">
      <alignment vertical="center"/>
    </xf>
    <xf numFmtId="0" fontId="10" fillId="0" borderId="0" xfId="259" applyFont="1" applyFill="1" applyBorder="1" applyAlignment="1">
      <alignment horizontal="left" vertical="top"/>
    </xf>
    <xf numFmtId="0" fontId="10" fillId="0" borderId="0" xfId="259" applyFont="1" applyFill="1" applyBorder="1" applyAlignment="1"/>
    <xf numFmtId="0" fontId="4" fillId="0" borderId="0" xfId="259" applyFont="1" applyFill="1" applyBorder="1" applyAlignment="1"/>
    <xf numFmtId="0" fontId="10" fillId="0" borderId="74" xfId="259" applyFont="1" applyFill="1" applyBorder="1" applyAlignment="1">
      <alignment horizontal="left" vertical="top"/>
    </xf>
    <xf numFmtId="0" fontId="10" fillId="0" borderId="74" xfId="259" applyFont="1" applyFill="1" applyBorder="1" applyAlignment="1">
      <alignment shrinkToFit="1"/>
    </xf>
    <xf numFmtId="0" fontId="4" fillId="0" borderId="74" xfId="259" applyFont="1" applyFill="1" applyBorder="1" applyAlignment="1">
      <alignment shrinkToFit="1"/>
    </xf>
    <xf numFmtId="0" fontId="10" fillId="0" borderId="16" xfId="259" applyFont="1" applyFill="1" applyBorder="1" applyAlignment="1">
      <alignment horizontal="left" vertical="top"/>
    </xf>
    <xf numFmtId="0" fontId="10" fillId="0" borderId="16" xfId="259" applyFont="1" applyFill="1" applyBorder="1" applyAlignment="1">
      <alignment shrinkToFit="1"/>
    </xf>
    <xf numFmtId="0" fontId="4" fillId="0" borderId="16" xfId="259" applyFont="1" applyFill="1" applyBorder="1" applyAlignment="1">
      <alignment shrinkToFit="1"/>
    </xf>
    <xf numFmtId="0" fontId="4" fillId="0" borderId="0" xfId="259" applyFont="1" applyFill="1" applyBorder="1" applyAlignment="1">
      <alignment vertical="top"/>
    </xf>
    <xf numFmtId="0" fontId="4" fillId="0" borderId="25" xfId="259" applyFont="1" applyFill="1" applyBorder="1" applyAlignment="1">
      <alignment vertical="top"/>
    </xf>
    <xf numFmtId="0" fontId="10" fillId="0" borderId="16" xfId="259" applyFont="1" applyFill="1" applyBorder="1" applyAlignment="1"/>
    <xf numFmtId="0" fontId="4" fillId="0" borderId="16" xfId="259" applyFont="1" applyFill="1" applyBorder="1" applyAlignment="1"/>
    <xf numFmtId="0" fontId="4" fillId="0" borderId="0" xfId="259" applyFont="1" applyFill="1" applyBorder="1" applyAlignment="1">
      <alignment horizontal="center"/>
    </xf>
    <xf numFmtId="0" fontId="4" fillId="0" borderId="25" xfId="259" applyFont="1" applyFill="1" applyBorder="1" applyAlignment="1">
      <alignment horizontal="center"/>
    </xf>
    <xf numFmtId="0" fontId="6" fillId="0" borderId="0" xfId="259" applyFont="1" applyFill="1" applyAlignment="1">
      <alignment vertical="top" wrapText="1"/>
    </xf>
    <xf numFmtId="0" fontId="6" fillId="0" borderId="0" xfId="259" applyNumberFormat="1" applyFont="1" applyFill="1" applyBorder="1" applyAlignment="1"/>
    <xf numFmtId="0" fontId="49" fillId="0" borderId="51" xfId="0" applyFont="1" applyBorder="1" applyAlignment="1" applyProtection="1">
      <alignment horizontal="left"/>
      <protection locked="0"/>
    </xf>
    <xf numFmtId="176" fontId="51" fillId="0" borderId="0" xfId="0" applyNumberFormat="1" applyFont="1" applyBorder="1" applyAlignment="1">
      <alignment horizontal="center" vertical="center"/>
    </xf>
    <xf numFmtId="176" fontId="51" fillId="0" borderId="0" xfId="0" applyNumberFormat="1" applyFont="1" applyBorder="1" applyAlignment="1"/>
    <xf numFmtId="197" fontId="49" fillId="0" borderId="51" xfId="240" applyNumberFormat="1" applyFont="1" applyBorder="1" applyAlignment="1" applyProtection="1">
      <protection locked="0"/>
    </xf>
    <xf numFmtId="197" fontId="49" fillId="0" borderId="58" xfId="98" applyNumberFormat="1" applyFont="1" applyBorder="1" applyProtection="1">
      <protection locked="0"/>
    </xf>
    <xf numFmtId="0" fontId="49" fillId="0" borderId="59" xfId="0" applyFont="1" applyBorder="1" applyAlignment="1" applyProtection="1">
      <protection locked="0"/>
    </xf>
    <xf numFmtId="0" fontId="49" fillId="0" borderId="48" xfId="0" applyNumberFormat="1" applyFont="1" applyFill="1" applyBorder="1" applyAlignment="1" applyProtection="1">
      <alignment horizontal="right" vertical="center"/>
      <protection locked="0"/>
    </xf>
    <xf numFmtId="38" fontId="49" fillId="0" borderId="48" xfId="240" applyFont="1" applyFill="1" applyBorder="1" applyAlignment="1" applyProtection="1">
      <alignment horizontal="right" vertical="center"/>
      <protection locked="0"/>
    </xf>
    <xf numFmtId="38" fontId="49" fillId="0" borderId="49" xfId="240" applyFont="1" applyFill="1" applyBorder="1" applyAlignment="1" applyProtection="1">
      <alignment horizontal="center" vertical="center" shrinkToFit="1"/>
      <protection locked="0"/>
    </xf>
    <xf numFmtId="0" fontId="49" fillId="0" borderId="51" xfId="0" applyNumberFormat="1" applyFont="1" applyFill="1" applyBorder="1" applyAlignment="1" applyProtection="1">
      <alignment horizontal="right" vertical="center"/>
      <protection locked="0"/>
    </xf>
    <xf numFmtId="38" fontId="49" fillId="0" borderId="51" xfId="240" applyFont="1" applyFill="1" applyBorder="1" applyAlignment="1" applyProtection="1">
      <alignment horizontal="right" vertical="center"/>
      <protection locked="0"/>
    </xf>
    <xf numFmtId="38" fontId="51" fillId="0" borderId="52" xfId="240" applyFont="1" applyFill="1" applyBorder="1" applyAlignment="1" applyProtection="1">
      <alignment horizontal="center" vertical="center" shrinkToFit="1"/>
      <protection locked="0"/>
    </xf>
    <xf numFmtId="0" fontId="49" fillId="0" borderId="53" xfId="0" applyNumberFormat="1" applyFont="1" applyFill="1" applyBorder="1" applyAlignment="1" applyProtection="1">
      <alignment horizontal="right"/>
      <protection locked="0"/>
    </xf>
    <xf numFmtId="38" fontId="49" fillId="0" borderId="54" xfId="240" applyFont="1" applyFill="1" applyBorder="1" applyAlignment="1" applyProtection="1">
      <alignment horizontal="center" shrinkToFit="1"/>
      <protection locked="0"/>
    </xf>
    <xf numFmtId="38" fontId="49" fillId="0" borderId="49" xfId="240" applyFont="1" applyFill="1" applyBorder="1" applyAlignment="1" applyProtection="1">
      <alignment horizontal="right" vertical="center" shrinkToFit="1"/>
      <protection locked="0"/>
    </xf>
    <xf numFmtId="41" fontId="49" fillId="0" borderId="53" xfId="115" applyNumberFormat="1" applyFont="1" applyBorder="1" applyAlignment="1" applyProtection="1">
      <alignment wrapText="1"/>
      <protection locked="0"/>
    </xf>
    <xf numFmtId="202" fontId="49" fillId="0" borderId="62" xfId="98" applyNumberFormat="1" applyFont="1" applyFill="1" applyBorder="1" applyAlignment="1" applyProtection="1">
      <alignment horizontal="right"/>
      <protection locked="0"/>
    </xf>
    <xf numFmtId="38" fontId="49" fillId="0" borderId="0" xfId="240" applyFont="1" applyFill="1" applyBorder="1" applyAlignment="1" applyProtection="1">
      <alignment horizontal="right" vertical="center"/>
      <protection locked="0"/>
    </xf>
    <xf numFmtId="38" fontId="49" fillId="0" borderId="0" xfId="240" applyFont="1" applyFill="1" applyBorder="1" applyAlignment="1" applyProtection="1">
      <alignment horizontal="center" vertical="center" shrinkToFit="1"/>
      <protection locked="0"/>
    </xf>
    <xf numFmtId="38" fontId="51" fillId="0" borderId="0" xfId="240" applyFont="1" applyFill="1" applyBorder="1" applyAlignment="1" applyProtection="1">
      <alignment horizontal="center" vertical="center" shrinkToFit="1"/>
      <protection locked="0"/>
    </xf>
    <xf numFmtId="38" fontId="49" fillId="0" borderId="0" xfId="240" applyFont="1" applyFill="1" applyBorder="1" applyAlignment="1" applyProtection="1">
      <protection locked="0"/>
    </xf>
    <xf numFmtId="38" fontId="49" fillId="0" borderId="0" xfId="240" applyFont="1" applyFill="1" applyBorder="1" applyAlignment="1" applyProtection="1">
      <alignment horizontal="center" shrinkToFit="1"/>
      <protection locked="0"/>
    </xf>
    <xf numFmtId="202" fontId="49" fillId="0" borderId="0" xfId="98" applyNumberFormat="1" applyFont="1" applyFill="1" applyBorder="1" applyAlignment="1" applyProtection="1">
      <alignment horizontal="right" vertical="center"/>
      <protection locked="0"/>
    </xf>
    <xf numFmtId="38" fontId="49" fillId="0" borderId="0" xfId="240" applyFont="1" applyFill="1" applyBorder="1" applyAlignment="1" applyProtection="1">
      <alignment horizontal="right" vertical="center" shrinkToFit="1"/>
      <protection locked="0"/>
    </xf>
    <xf numFmtId="233" fontId="49" fillId="0" borderId="53" xfId="98" applyNumberFormat="1" applyFont="1" applyBorder="1" applyAlignment="1" applyProtection="1">
      <alignment horizontal="right"/>
      <protection locked="0"/>
    </xf>
    <xf numFmtId="232" fontId="49" fillId="0" borderId="53" xfId="98" applyNumberFormat="1" applyFont="1" applyBorder="1" applyAlignment="1" applyProtection="1">
      <alignment horizontal="right"/>
      <protection locked="0"/>
    </xf>
    <xf numFmtId="209" fontId="49" fillId="0" borderId="53" xfId="98" applyNumberFormat="1" applyFont="1" applyBorder="1" applyAlignment="1" applyProtection="1">
      <alignment horizontal="center" vertical="center"/>
      <protection locked="0"/>
    </xf>
    <xf numFmtId="202" fontId="51" fillId="0" borderId="53" xfId="115" applyNumberFormat="1" applyFont="1" applyBorder="1"/>
    <xf numFmtId="233" fontId="49" fillId="0" borderId="66" xfId="115" applyNumberFormat="1" applyFont="1" applyFill="1" applyBorder="1" applyAlignment="1" applyProtection="1">
      <alignment horizontal="right" vertical="center"/>
      <protection locked="0"/>
    </xf>
    <xf numFmtId="233" fontId="49" fillId="0" borderId="67" xfId="115" applyNumberFormat="1" applyFont="1" applyFill="1" applyBorder="1" applyAlignment="1" applyProtection="1">
      <alignment horizontal="right" wrapText="1"/>
      <protection locked="0"/>
    </xf>
    <xf numFmtId="234" fontId="49" fillId="0" borderId="53" xfId="98" applyNumberFormat="1" applyFont="1" applyFill="1" applyBorder="1" applyAlignment="1" applyProtection="1">
      <alignment horizontal="right"/>
      <protection locked="0"/>
    </xf>
    <xf numFmtId="0" fontId="51" fillId="31" borderId="56" xfId="115" applyFont="1" applyFill="1" applyBorder="1"/>
    <xf numFmtId="0" fontId="49" fillId="0" borderId="53" xfId="115" applyFont="1" applyFill="1" applyBorder="1" applyAlignment="1" applyProtection="1">
      <alignment horizontal="center" wrapText="1"/>
      <protection locked="0"/>
    </xf>
    <xf numFmtId="202" fontId="49" fillId="0" borderId="48" xfId="98" applyNumberFormat="1" applyFont="1" applyFill="1" applyBorder="1" applyAlignment="1" applyProtection="1">
      <alignment horizontal="right"/>
      <protection locked="0"/>
    </xf>
    <xf numFmtId="0" fontId="51" fillId="0" borderId="57" xfId="115" applyFont="1" applyBorder="1"/>
    <xf numFmtId="0" fontId="49" fillId="0" borderId="58" xfId="115" applyFont="1" applyFill="1" applyBorder="1" applyAlignment="1" applyProtection="1">
      <protection locked="0"/>
    </xf>
    <xf numFmtId="0" fontId="49" fillId="0" borderId="58" xfId="115" applyFont="1" applyFill="1" applyBorder="1" applyAlignment="1" applyProtection="1">
      <alignment horizontal="center"/>
      <protection locked="0"/>
    </xf>
    <xf numFmtId="202" fontId="49" fillId="0" borderId="58" xfId="98" applyNumberFormat="1" applyFont="1" applyFill="1" applyBorder="1" applyAlignment="1" applyProtection="1">
      <alignment horizontal="right"/>
      <protection locked="0"/>
    </xf>
    <xf numFmtId="202" fontId="49" fillId="0" borderId="58" xfId="98" applyNumberFormat="1" applyFont="1" applyFill="1" applyBorder="1" applyProtection="1">
      <protection locked="0"/>
    </xf>
    <xf numFmtId="0" fontId="51" fillId="0" borderId="59" xfId="115" applyFont="1" applyFill="1" applyBorder="1" applyAlignment="1" applyProtection="1">
      <alignment horizontal="center" vertical="center"/>
      <protection locked="0"/>
    </xf>
    <xf numFmtId="0" fontId="49" fillId="0" borderId="58" xfId="0" applyFont="1" applyFill="1" applyBorder="1" applyAlignment="1">
      <alignment horizontal="left"/>
    </xf>
    <xf numFmtId="0" fontId="49" fillId="0" borderId="58" xfId="0" applyFont="1" applyFill="1" applyBorder="1" applyAlignment="1" applyProtection="1">
      <protection locked="0"/>
    </xf>
    <xf numFmtId="0" fontId="49" fillId="0" borderId="58" xfId="0" applyFont="1" applyFill="1" applyBorder="1" applyAlignment="1" applyProtection="1">
      <alignment horizontal="center"/>
      <protection locked="0"/>
    </xf>
    <xf numFmtId="0" fontId="49" fillId="0" borderId="58" xfId="0" applyNumberFormat="1" applyFont="1" applyFill="1" applyBorder="1" applyAlignment="1" applyProtection="1">
      <alignment horizontal="right"/>
      <protection locked="0"/>
    </xf>
    <xf numFmtId="38" fontId="49" fillId="0" borderId="58" xfId="240" applyFont="1" applyFill="1" applyBorder="1" applyAlignment="1" applyProtection="1">
      <protection locked="0"/>
    </xf>
    <xf numFmtId="38" fontId="49" fillId="0" borderId="59" xfId="240" applyFont="1" applyFill="1" applyBorder="1" applyAlignment="1" applyProtection="1">
      <alignment horizontal="center" shrinkToFit="1"/>
      <protection locked="0"/>
    </xf>
    <xf numFmtId="0" fontId="51" fillId="0" borderId="57" xfId="115" applyFont="1" applyBorder="1" applyAlignment="1" applyProtection="1">
      <protection locked="0"/>
    </xf>
    <xf numFmtId="207" fontId="49" fillId="0" borderId="58" xfId="98" applyNumberFormat="1" applyFont="1" applyFill="1" applyBorder="1" applyAlignment="1" applyProtection="1">
      <alignment horizontal="right"/>
      <protection locked="0"/>
    </xf>
    <xf numFmtId="205" fontId="51" fillId="0" borderId="59" xfId="0" applyNumberFormat="1" applyFont="1" applyBorder="1" applyAlignment="1" applyProtection="1">
      <alignment horizontal="center"/>
      <protection locked="0"/>
    </xf>
    <xf numFmtId="202" fontId="55" fillId="0" borderId="45" xfId="0" applyNumberFormat="1" applyFont="1" applyBorder="1" applyAlignment="1">
      <alignment horizontal="center" vertical="center" shrinkToFit="1"/>
    </xf>
    <xf numFmtId="202" fontId="55" fillId="0" borderId="45" xfId="98" applyNumberFormat="1" applyFont="1" applyBorder="1" applyAlignment="1">
      <alignment horizontal="center" vertical="center" shrinkToFit="1"/>
    </xf>
    <xf numFmtId="0" fontId="51" fillId="0" borderId="54" xfId="0" applyFont="1" applyBorder="1" applyAlignment="1"/>
    <xf numFmtId="0" fontId="51" fillId="0" borderId="49" xfId="0" applyFont="1" applyBorder="1" applyAlignment="1">
      <alignment horizontal="center" vertical="center"/>
    </xf>
    <xf numFmtId="0" fontId="51" fillId="0" borderId="17" xfId="0" applyFont="1" applyBorder="1" applyAlignment="1"/>
    <xf numFmtId="0" fontId="49" fillId="0" borderId="58" xfId="0" applyFont="1" applyBorder="1" applyAlignment="1" applyProtection="1">
      <alignment vertical="center" shrinkToFit="1"/>
      <protection locked="0"/>
    </xf>
    <xf numFmtId="0" fontId="49" fillId="0" borderId="57" xfId="115" applyFont="1" applyBorder="1" applyAlignment="1" applyProtection="1">
      <protection locked="0"/>
    </xf>
    <xf numFmtId="202" fontId="49" fillId="0" borderId="58" xfId="115" applyNumberFormat="1" applyFont="1" applyFill="1" applyBorder="1" applyAlignment="1" applyProtection="1">
      <alignment horizontal="right"/>
      <protection locked="0"/>
    </xf>
    <xf numFmtId="0" fontId="49" fillId="0" borderId="59" xfId="115" applyFont="1" applyFill="1" applyBorder="1" applyAlignment="1" applyProtection="1">
      <alignment horizontal="center"/>
      <protection locked="0"/>
    </xf>
    <xf numFmtId="202" fontId="49" fillId="0" borderId="58" xfId="98" applyNumberFormat="1" applyFont="1" applyBorder="1" applyAlignment="1" applyProtection="1">
      <alignment shrinkToFit="1"/>
      <protection locked="0"/>
    </xf>
    <xf numFmtId="205" fontId="49" fillId="0" borderId="59" xfId="0" applyNumberFormat="1" applyFont="1" applyBorder="1" applyAlignment="1" applyProtection="1">
      <alignment horizontal="center" shrinkToFit="1"/>
      <protection locked="0"/>
    </xf>
    <xf numFmtId="0" fontId="51" fillId="0" borderId="48" xfId="0" applyFont="1" applyBorder="1" applyAlignment="1">
      <alignment horizontal="center" vertical="center"/>
    </xf>
    <xf numFmtId="0" fontId="51" fillId="0" borderId="53" xfId="0" applyFont="1" applyBorder="1" applyAlignment="1"/>
    <xf numFmtId="0" fontId="51" fillId="0" borderId="53" xfId="0" applyFont="1" applyBorder="1" applyAlignment="1">
      <alignment horizontal="center"/>
    </xf>
    <xf numFmtId="0" fontId="49" fillId="0" borderId="52" xfId="0" applyFont="1" applyBorder="1" applyAlignment="1">
      <alignment horizontal="center" vertical="center" shrinkToFit="1"/>
    </xf>
    <xf numFmtId="194" fontId="49" fillId="0" borderId="62" xfId="98" applyNumberFormat="1" applyFont="1" applyFill="1" applyBorder="1" applyProtection="1">
      <protection locked="0"/>
    </xf>
    <xf numFmtId="194" fontId="49" fillId="0" borderId="48" xfId="115" applyNumberFormat="1" applyFont="1" applyFill="1" applyBorder="1" applyAlignment="1" applyProtection="1">
      <alignment horizontal="right" vertical="center"/>
      <protection locked="0"/>
    </xf>
    <xf numFmtId="194" fontId="49" fillId="0" borderId="48" xfId="98" applyNumberFormat="1" applyFont="1" applyFill="1" applyBorder="1" applyAlignment="1" applyProtection="1">
      <alignment horizontal="right" vertical="center"/>
      <protection locked="0"/>
    </xf>
    <xf numFmtId="194" fontId="49" fillId="0" borderId="63" xfId="98" applyNumberFormat="1" applyFont="1" applyFill="1" applyBorder="1" applyAlignment="1" applyProtection="1">
      <alignment horizontal="right" vertical="center"/>
      <protection locked="0"/>
    </xf>
    <xf numFmtId="194" fontId="49" fillId="0" borderId="51" xfId="115" applyNumberFormat="1" applyFont="1" applyFill="1" applyBorder="1" applyAlignment="1" applyProtection="1">
      <alignment horizontal="right" vertical="center"/>
      <protection locked="0"/>
    </xf>
    <xf numFmtId="194" fontId="49" fillId="0" borderId="51" xfId="98" applyNumberFormat="1" applyFont="1" applyFill="1" applyBorder="1" applyAlignment="1" applyProtection="1">
      <alignment horizontal="right" vertical="center"/>
      <protection locked="0"/>
    </xf>
    <xf numFmtId="194" fontId="49" fillId="0" borderId="53" xfId="98" applyNumberFormat="1" applyFont="1" applyFill="1" applyBorder="1" applyAlignment="1" applyProtection="1">
      <alignment horizontal="right"/>
      <protection locked="0"/>
    </xf>
    <xf numFmtId="194" fontId="49" fillId="0" borderId="51" xfId="98" applyNumberFormat="1" applyFont="1" applyFill="1" applyBorder="1" applyProtection="1">
      <protection locked="0"/>
    </xf>
    <xf numFmtId="194" fontId="49" fillId="0" borderId="51" xfId="0" applyNumberFormat="1" applyFont="1" applyFill="1" applyBorder="1" applyAlignment="1" applyProtection="1">
      <alignment horizontal="right" vertical="center"/>
      <protection locked="0"/>
    </xf>
    <xf numFmtId="194" fontId="49" fillId="0" borderId="60" xfId="98" applyNumberFormat="1" applyFont="1" applyFill="1" applyBorder="1" applyAlignment="1" applyProtection="1">
      <alignment horizontal="right" vertical="center"/>
      <protection locked="0"/>
    </xf>
    <xf numFmtId="194" fontId="49" fillId="0" borderId="53" xfId="0" applyNumberFormat="1" applyFont="1" applyFill="1" applyBorder="1" applyAlignment="1" applyProtection="1">
      <alignment horizontal="right"/>
      <protection locked="0"/>
    </xf>
    <xf numFmtId="194" fontId="49" fillId="0" borderId="53" xfId="240" applyNumberFormat="1" applyFont="1" applyFill="1" applyBorder="1" applyAlignment="1" applyProtection="1">
      <protection locked="0"/>
    </xf>
    <xf numFmtId="194" fontId="49" fillId="0" borderId="48" xfId="115" applyNumberFormat="1" applyFont="1" applyBorder="1" applyAlignment="1" applyProtection="1">
      <alignment vertical="center"/>
      <protection locked="0"/>
    </xf>
    <xf numFmtId="194" fontId="49" fillId="0" borderId="51" xfId="115" applyNumberFormat="1" applyFont="1" applyBorder="1" applyAlignment="1" applyProtection="1">
      <alignment wrapText="1"/>
      <protection locked="0"/>
    </xf>
    <xf numFmtId="194" fontId="49" fillId="0" borderId="53" xfId="115" applyNumberFormat="1" applyFont="1" applyBorder="1" applyAlignment="1" applyProtection="1">
      <alignment wrapText="1"/>
      <protection locked="0"/>
    </xf>
    <xf numFmtId="194" fontId="49" fillId="0" borderId="48" xfId="0" applyNumberFormat="1" applyFont="1" applyFill="1" applyBorder="1" applyAlignment="1" applyProtection="1">
      <alignment horizontal="right" vertical="center"/>
      <protection locked="0"/>
    </xf>
    <xf numFmtId="194" fontId="49" fillId="0" borderId="51" xfId="0" applyNumberFormat="1" applyFont="1" applyBorder="1" applyAlignment="1" applyProtection="1">
      <alignment horizontal="right" vertical="center" shrinkToFit="1"/>
      <protection locked="0"/>
    </xf>
    <xf numFmtId="194" fontId="49" fillId="0" borderId="51" xfId="98" applyNumberFormat="1" applyFont="1" applyBorder="1" applyAlignment="1" applyProtection="1">
      <alignment horizontal="right" vertical="center" shrinkToFit="1"/>
      <protection locked="0"/>
    </xf>
    <xf numFmtId="194" fontId="49" fillId="0" borderId="60" xfId="98" applyNumberFormat="1" applyFont="1" applyBorder="1" applyAlignment="1" applyProtection="1">
      <alignment horizontal="right" vertical="center" shrinkToFit="1"/>
      <protection locked="0"/>
    </xf>
    <xf numFmtId="194" fontId="49" fillId="0" borderId="53" xfId="98" applyNumberFormat="1" applyFont="1" applyBorder="1" applyAlignment="1" applyProtection="1">
      <alignment horizontal="right" shrinkToFit="1"/>
      <protection locked="0"/>
    </xf>
    <xf numFmtId="194" fontId="49" fillId="0" borderId="48" xfId="0" applyNumberFormat="1" applyFont="1" applyBorder="1" applyAlignment="1" applyProtection="1">
      <alignment horizontal="right" vertical="center" shrinkToFit="1"/>
      <protection locked="0"/>
    </xf>
    <xf numFmtId="194" fontId="49" fillId="0" borderId="48" xfId="98" applyNumberFormat="1" applyFont="1" applyBorder="1" applyAlignment="1" applyProtection="1">
      <alignment horizontal="right" vertical="center" shrinkToFit="1"/>
      <protection locked="0"/>
    </xf>
    <xf numFmtId="194" fontId="49" fillId="0" borderId="58" xfId="98" applyNumberFormat="1" applyFont="1" applyBorder="1" applyAlignment="1" applyProtection="1">
      <alignment horizontal="right" shrinkToFit="1"/>
      <protection locked="0"/>
    </xf>
    <xf numFmtId="194" fontId="49" fillId="0" borderId="58" xfId="239" applyNumberFormat="1" applyFont="1" applyBorder="1" applyAlignment="1" applyProtection="1">
      <alignment shrinkToFit="1"/>
      <protection locked="0"/>
    </xf>
    <xf numFmtId="0" fontId="49" fillId="0" borderId="48" xfId="0" applyFont="1" applyBorder="1" applyAlignment="1">
      <alignment horizontal="center"/>
    </xf>
    <xf numFmtId="0" fontId="49" fillId="0" borderId="51" xfId="0" applyFont="1" applyBorder="1" applyAlignment="1">
      <alignment horizontal="distributed"/>
    </xf>
    <xf numFmtId="0" fontId="49" fillId="0" borderId="53" xfId="0" applyFont="1" applyBorder="1" applyAlignment="1">
      <alignment horizontal="center"/>
    </xf>
    <xf numFmtId="0" fontId="49" fillId="0" borderId="52" xfId="0" applyFont="1" applyBorder="1" applyAlignment="1">
      <alignment horizontal="center" vertical="center"/>
    </xf>
    <xf numFmtId="205" fontId="49" fillId="0" borderId="54" xfId="0" applyNumberFormat="1" applyFont="1" applyBorder="1" applyAlignment="1" applyProtection="1">
      <alignment horizontal="center"/>
      <protection locked="0"/>
    </xf>
    <xf numFmtId="0" fontId="76" fillId="0" borderId="0" xfId="115" applyNumberFormat="1" applyFont="1" applyFill="1" applyBorder="1" applyAlignment="1">
      <alignment horizontal="center" vertical="center"/>
    </xf>
    <xf numFmtId="0" fontId="49" fillId="0" borderId="48" xfId="115" applyFont="1" applyFill="1" applyBorder="1" applyAlignment="1" applyProtection="1">
      <alignment horizontal="right" vertical="center"/>
      <protection locked="0"/>
    </xf>
    <xf numFmtId="0" fontId="49" fillId="0" borderId="51" xfId="115" applyFont="1" applyFill="1" applyBorder="1" applyAlignment="1" applyProtection="1">
      <alignment horizontal="right" vertical="center"/>
      <protection locked="0"/>
    </xf>
    <xf numFmtId="38" fontId="49" fillId="0" borderId="53" xfId="98" applyFont="1" applyFill="1" applyBorder="1" applyAlignment="1" applyProtection="1">
      <alignment horizontal="right" vertical="center"/>
      <protection locked="0"/>
    </xf>
    <xf numFmtId="205" fontId="49" fillId="0" borderId="54" xfId="115" applyNumberFormat="1" applyFont="1" applyFill="1" applyBorder="1" applyAlignment="1" applyProtection="1">
      <alignment horizontal="center" vertical="center"/>
      <protection locked="0"/>
    </xf>
    <xf numFmtId="202" fontId="49" fillId="0" borderId="48" xfId="115" applyNumberFormat="1" applyFont="1" applyFill="1" applyBorder="1" applyAlignment="1">
      <alignment horizontal="center" vertical="center"/>
    </xf>
    <xf numFmtId="0" fontId="49" fillId="0" borderId="25" xfId="115" applyFont="1" applyFill="1" applyBorder="1" applyAlignment="1">
      <alignment horizontal="center" vertical="center"/>
    </xf>
    <xf numFmtId="0" fontId="49" fillId="0" borderId="47" xfId="115" applyFont="1" applyBorder="1" applyAlignment="1">
      <alignment horizontal="center" vertical="center"/>
    </xf>
    <xf numFmtId="197" fontId="49" fillId="0" borderId="48" xfId="115" applyNumberFormat="1" applyFont="1" applyBorder="1" applyAlignment="1">
      <alignment horizontal="center" vertical="center"/>
    </xf>
    <xf numFmtId="197" fontId="49" fillId="0" borderId="48" xfId="115" applyNumberFormat="1" applyFont="1" applyFill="1" applyBorder="1" applyAlignment="1">
      <alignment horizontal="center" vertical="center"/>
    </xf>
    <xf numFmtId="0" fontId="49" fillId="0" borderId="56" xfId="115" applyFont="1" applyBorder="1"/>
    <xf numFmtId="0" fontId="76" fillId="0" borderId="24" xfId="115" applyFont="1" applyBorder="1"/>
    <xf numFmtId="202" fontId="49" fillId="0" borderId="51" xfId="115" applyNumberFormat="1" applyFont="1" applyFill="1" applyBorder="1" applyAlignment="1">
      <alignment horizontal="center" vertical="center"/>
    </xf>
    <xf numFmtId="0" fontId="76" fillId="0" borderId="56" xfId="115" applyFont="1" applyBorder="1"/>
    <xf numFmtId="0" fontId="49" fillId="0" borderId="51" xfId="115" applyFont="1" applyFill="1" applyBorder="1" applyAlignment="1">
      <alignment horizontal="center" vertical="center"/>
    </xf>
    <xf numFmtId="0" fontId="49" fillId="0" borderId="56" xfId="115" applyFont="1" applyBorder="1" applyAlignment="1" applyProtection="1">
      <alignment horizontal="right"/>
      <protection locked="0"/>
    </xf>
    <xf numFmtId="38" fontId="49" fillId="0" borderId="52" xfId="240" applyFont="1" applyFill="1" applyBorder="1" applyAlignment="1" applyProtection="1">
      <alignment horizontal="center" vertical="center" shrinkToFit="1"/>
      <protection locked="0"/>
    </xf>
    <xf numFmtId="0" fontId="49" fillId="0" borderId="54" xfId="115" applyFont="1" applyFill="1" applyBorder="1" applyAlignment="1" applyProtection="1">
      <alignment horizontal="center" vertical="center"/>
      <protection locked="0"/>
    </xf>
    <xf numFmtId="197" fontId="49" fillId="0" borderId="51" xfId="115" applyNumberFormat="1" applyFont="1" applyFill="1" applyBorder="1" applyAlignment="1">
      <alignment horizontal="center" vertical="center"/>
    </xf>
    <xf numFmtId="0" fontId="76" fillId="0" borderId="48" xfId="115" applyFont="1" applyBorder="1"/>
    <xf numFmtId="0" fontId="76" fillId="0" borderId="0" xfId="115" applyFont="1" applyBorder="1" applyAlignment="1">
      <alignment horizontal="center"/>
    </xf>
    <xf numFmtId="0" fontId="76" fillId="0" borderId="48" xfId="115" applyFont="1" applyBorder="1" applyAlignment="1">
      <alignment horizontal="right"/>
    </xf>
    <xf numFmtId="0" fontId="76" fillId="0" borderId="51" xfId="115" applyFont="1" applyBorder="1"/>
    <xf numFmtId="0" fontId="49" fillId="0" borderId="0" xfId="115" applyFont="1" applyBorder="1" applyAlignment="1">
      <alignment horizontal="center"/>
    </xf>
    <xf numFmtId="0" fontId="76" fillId="0" borderId="51" xfId="115" applyFont="1" applyBorder="1" applyAlignment="1">
      <alignment horizontal="right"/>
    </xf>
    <xf numFmtId="0" fontId="49" fillId="0" borderId="53" xfId="115" applyFont="1" applyBorder="1" applyAlignment="1">
      <alignment horizontal="center"/>
    </xf>
    <xf numFmtId="0" fontId="49" fillId="0" borderId="53" xfId="115" applyFont="1" applyBorder="1" applyAlignment="1">
      <alignment horizontal="right"/>
    </xf>
    <xf numFmtId="0" fontId="49" fillId="0" borderId="57" xfId="115" applyFont="1" applyBorder="1" applyAlignment="1" applyProtection="1">
      <alignment horizontal="right"/>
      <protection locked="0"/>
    </xf>
    <xf numFmtId="0" fontId="75" fillId="0" borderId="49" xfId="115" applyFont="1" applyFill="1" applyBorder="1" applyAlignment="1" applyProtection="1">
      <alignment horizontal="center" vertical="center"/>
      <protection locked="0"/>
    </xf>
    <xf numFmtId="0" fontId="75" fillId="0" borderId="25" xfId="115" applyFont="1" applyFill="1" applyBorder="1" applyAlignment="1">
      <alignment horizontal="center" vertical="center"/>
    </xf>
    <xf numFmtId="0" fontId="49" fillId="0" borderId="0" xfId="115" applyFont="1" applyBorder="1" applyAlignment="1">
      <alignment horizontal="center" vertical="center"/>
    </xf>
    <xf numFmtId="0" fontId="49" fillId="0" borderId="48" xfId="115" applyFont="1" applyBorder="1" applyAlignment="1">
      <alignment horizontal="center" vertical="center"/>
    </xf>
    <xf numFmtId="0" fontId="49" fillId="0" borderId="51" xfId="115" applyFont="1" applyBorder="1" applyAlignment="1">
      <alignment horizontal="center" vertical="center"/>
    </xf>
    <xf numFmtId="0" fontId="49" fillId="0" borderId="0" xfId="115" applyFont="1" applyBorder="1"/>
    <xf numFmtId="0" fontId="49" fillId="0" borderId="53" xfId="115" applyFont="1" applyBorder="1" applyAlignment="1">
      <alignment horizontal="left"/>
    </xf>
    <xf numFmtId="0" fontId="49" fillId="0" borderId="52" xfId="115" applyFont="1" applyFill="1" applyBorder="1" applyAlignment="1">
      <alignment horizontal="center" vertical="center"/>
    </xf>
    <xf numFmtId="235" fontId="49" fillId="0" borderId="53" xfId="98" applyNumberFormat="1" applyFont="1" applyFill="1" applyBorder="1" applyAlignment="1" applyProtection="1">
      <alignment horizontal="right"/>
      <protection locked="0"/>
    </xf>
    <xf numFmtId="235" fontId="49" fillId="0" borderId="48" xfId="115" applyNumberFormat="1" applyFont="1" applyFill="1" applyBorder="1" applyAlignment="1" applyProtection="1">
      <alignment horizontal="right" vertical="center"/>
      <protection locked="0"/>
    </xf>
    <xf numFmtId="235" fontId="49" fillId="0" borderId="51" xfId="115" applyNumberFormat="1" applyFont="1" applyFill="1" applyBorder="1" applyAlignment="1" applyProtection="1">
      <alignment horizontal="right" vertical="center"/>
      <protection locked="0"/>
    </xf>
    <xf numFmtId="235" fontId="49" fillId="0" borderId="48" xfId="0" applyNumberFormat="1" applyFont="1" applyBorder="1" applyAlignment="1" applyProtection="1">
      <alignment horizontal="right" vertical="center"/>
      <protection locked="0"/>
    </xf>
    <xf numFmtId="235" fontId="49" fillId="0" borderId="51" xfId="0" applyNumberFormat="1" applyFont="1" applyBorder="1" applyAlignment="1" applyProtection="1">
      <alignment horizontal="right" vertical="center"/>
      <protection locked="0"/>
    </xf>
    <xf numFmtId="235" fontId="49" fillId="0" borderId="53" xfId="0" applyNumberFormat="1" applyFont="1" applyBorder="1" applyAlignment="1" applyProtection="1">
      <alignment horizontal="right"/>
      <protection locked="0"/>
    </xf>
    <xf numFmtId="235" fontId="49" fillId="0" borderId="51" xfId="0" applyNumberFormat="1" applyFont="1" applyFill="1" applyBorder="1" applyAlignment="1" applyProtection="1">
      <alignment horizontal="right" vertical="center"/>
      <protection locked="0"/>
    </xf>
    <xf numFmtId="235" fontId="49" fillId="0" borderId="48" xfId="115" applyNumberFormat="1" applyFont="1" applyFill="1" applyBorder="1" applyAlignment="1" applyProtection="1">
      <alignment vertical="center"/>
      <protection locked="0"/>
    </xf>
    <xf numFmtId="235" fontId="49" fillId="0" borderId="51" xfId="115" applyNumberFormat="1" applyFont="1" applyFill="1" applyBorder="1" applyAlignment="1" applyProtection="1">
      <alignment wrapText="1"/>
      <protection locked="0"/>
    </xf>
    <xf numFmtId="235" fontId="49" fillId="0" borderId="66" xfId="115" applyNumberFormat="1" applyFont="1" applyFill="1" applyBorder="1" applyAlignment="1" applyProtection="1">
      <alignment vertical="center"/>
      <protection locked="0"/>
    </xf>
    <xf numFmtId="235" fontId="49" fillId="0" borderId="67" xfId="115" applyNumberFormat="1" applyFont="1" applyFill="1" applyBorder="1" applyAlignment="1" applyProtection="1">
      <alignment wrapText="1"/>
      <protection locked="0"/>
    </xf>
    <xf numFmtId="235" fontId="49" fillId="0" borderId="53" xfId="0" applyNumberFormat="1" applyFont="1" applyBorder="1" applyAlignment="1" applyProtection="1">
      <alignment horizontal="right" shrinkToFit="1"/>
      <protection locked="0"/>
    </xf>
    <xf numFmtId="235" fontId="49" fillId="0" borderId="58" xfId="0" applyNumberFormat="1" applyFont="1" applyBorder="1" applyAlignment="1" applyProtection="1">
      <alignment horizontal="right" shrinkToFit="1"/>
      <protection locked="0"/>
    </xf>
    <xf numFmtId="38" fontId="49" fillId="0" borderId="53" xfId="115" applyNumberFormat="1" applyFont="1" applyBorder="1"/>
    <xf numFmtId="38" fontId="49" fillId="0" borderId="48" xfId="239" applyFont="1" applyBorder="1" applyAlignment="1" applyProtection="1">
      <alignment horizontal="right" vertical="center"/>
      <protection locked="0"/>
    </xf>
    <xf numFmtId="38" fontId="49" fillId="0" borderId="51" xfId="239" applyFont="1" applyBorder="1" applyAlignment="1" applyProtection="1">
      <alignment horizontal="right" vertical="center"/>
      <protection locked="0"/>
    </xf>
    <xf numFmtId="38" fontId="49" fillId="0" borderId="53" xfId="239" applyFont="1" applyBorder="1" applyAlignment="1" applyProtection="1">
      <protection locked="0"/>
    </xf>
    <xf numFmtId="38" fontId="49" fillId="0" borderId="53" xfId="239" applyFont="1" applyBorder="1" applyAlignment="1" applyProtection="1">
      <alignment vertical="center"/>
      <protection locked="0"/>
    </xf>
    <xf numFmtId="38" fontId="49" fillId="0" borderId="60" xfId="239" applyFont="1" applyFill="1" applyBorder="1" applyAlignment="1" applyProtection="1">
      <alignment horizontal="right" vertical="center"/>
      <protection locked="0"/>
    </xf>
    <xf numFmtId="38" fontId="49" fillId="0" borderId="51" xfId="239" applyFont="1" applyBorder="1" applyAlignment="1" applyProtection="1">
      <protection locked="0"/>
    </xf>
    <xf numFmtId="0" fontId="49" fillId="0" borderId="67" xfId="0" applyFont="1" applyBorder="1" applyAlignment="1" applyProtection="1">
      <alignment vertical="center"/>
      <protection locked="0"/>
    </xf>
    <xf numFmtId="0" fontId="49" fillId="0" borderId="60" xfId="0" applyFont="1" applyBorder="1" applyAlignment="1" applyProtection="1">
      <alignment vertical="center"/>
      <protection locked="0"/>
    </xf>
    <xf numFmtId="0" fontId="49" fillId="0" borderId="62" xfId="0" applyFont="1" applyBorder="1" applyAlignment="1" applyProtection="1">
      <protection locked="0"/>
    </xf>
    <xf numFmtId="0" fontId="49" fillId="0" borderId="0" xfId="0" applyFont="1" applyBorder="1" applyAlignment="1" applyProtection="1">
      <alignment horizontal="right" vertical="center"/>
      <protection locked="0"/>
    </xf>
    <xf numFmtId="0" fontId="49" fillId="0" borderId="79" xfId="0" applyFont="1" applyBorder="1" applyAlignment="1" applyProtection="1">
      <alignment horizontal="right"/>
      <protection locked="0"/>
    </xf>
    <xf numFmtId="196" fontId="49" fillId="0" borderId="67" xfId="98" applyNumberFormat="1" applyFont="1" applyBorder="1" applyAlignment="1" applyProtection="1">
      <alignment horizontal="right" vertical="center"/>
      <protection locked="0"/>
    </xf>
    <xf numFmtId="197" fontId="49" fillId="0" borderId="64" xfId="98" applyNumberFormat="1" applyFont="1" applyBorder="1" applyProtection="1">
      <protection locked="0"/>
    </xf>
    <xf numFmtId="195" fontId="49" fillId="0" borderId="53" xfId="115" applyNumberFormat="1" applyFont="1" applyFill="1" applyBorder="1" applyAlignment="1" applyProtection="1">
      <alignment wrapText="1"/>
      <protection locked="0"/>
    </xf>
    <xf numFmtId="0" fontId="49" fillId="0" borderId="24" xfId="0" applyFont="1" applyBorder="1" applyAlignment="1"/>
    <xf numFmtId="0" fontId="49" fillId="0" borderId="0" xfId="0" applyFont="1" applyBorder="1" applyAlignment="1">
      <alignment horizontal="center" vertical="center"/>
    </xf>
    <xf numFmtId="0" fontId="49" fillId="0" borderId="25" xfId="0" applyFont="1" applyBorder="1" applyAlignment="1"/>
    <xf numFmtId="0" fontId="49" fillId="0" borderId="0" xfId="0" applyFont="1" applyBorder="1" applyAlignment="1"/>
    <xf numFmtId="0" fontId="49" fillId="0" borderId="53" xfId="0" applyFont="1" applyBorder="1" applyAlignment="1">
      <alignment horizontal="center" vertical="center"/>
    </xf>
    <xf numFmtId="0" fontId="49" fillId="0" borderId="25" xfId="0" applyFont="1" applyBorder="1" applyAlignment="1">
      <alignment horizontal="center" vertical="center"/>
    </xf>
    <xf numFmtId="0" fontId="49" fillId="0" borderId="52" xfId="0" applyFont="1" applyBorder="1" applyAlignment="1"/>
    <xf numFmtId="0" fontId="49" fillId="0" borderId="24" xfId="0" applyFont="1" applyBorder="1" applyAlignment="1">
      <alignment horizontal="center" vertical="center"/>
    </xf>
    <xf numFmtId="0" fontId="49" fillId="0" borderId="15" xfId="0" applyFont="1" applyBorder="1" applyAlignment="1">
      <alignment horizontal="center" vertical="center"/>
    </xf>
    <xf numFmtId="0" fontId="49" fillId="0" borderId="51" xfId="0" applyFont="1" applyBorder="1" applyAlignment="1">
      <alignment horizontal="center" vertical="center"/>
    </xf>
    <xf numFmtId="0" fontId="49" fillId="0" borderId="67" xfId="0" applyFont="1" applyBorder="1" applyAlignment="1">
      <alignment horizontal="center" vertical="center"/>
    </xf>
    <xf numFmtId="0" fontId="49" fillId="0" borderId="53" xfId="0" applyFont="1" applyBorder="1" applyAlignment="1"/>
    <xf numFmtId="0" fontId="49" fillId="0" borderId="64" xfId="0" applyFont="1" applyBorder="1" applyAlignment="1"/>
    <xf numFmtId="0" fontId="49" fillId="0" borderId="48" xfId="0" applyFont="1" applyBorder="1" applyAlignment="1">
      <alignment horizontal="center" vertical="center"/>
    </xf>
    <xf numFmtId="0" fontId="49" fillId="0" borderId="51" xfId="0" applyFont="1" applyBorder="1" applyAlignment="1"/>
    <xf numFmtId="0" fontId="49" fillId="0" borderId="79" xfId="0" applyFont="1" applyBorder="1" applyAlignment="1">
      <alignment horizontal="center" vertical="center"/>
    </xf>
    <xf numFmtId="0" fontId="49" fillId="0" borderId="58" xfId="0" applyFont="1" applyBorder="1" applyAlignment="1">
      <alignment horizontal="center" vertical="center"/>
    </xf>
    <xf numFmtId="0" fontId="49" fillId="0" borderId="16" xfId="0" applyFont="1" applyBorder="1" applyAlignment="1">
      <alignment horizontal="center" vertical="center"/>
    </xf>
    <xf numFmtId="0" fontId="49" fillId="0" borderId="17" xfId="0" applyFont="1" applyBorder="1" applyAlignment="1">
      <alignment horizontal="center" vertical="center"/>
    </xf>
    <xf numFmtId="197" fontId="49" fillId="0" borderId="53" xfId="240" applyNumberFormat="1" applyFont="1" applyBorder="1" applyAlignment="1" applyProtection="1">
      <alignment vertical="center"/>
      <protection locked="0"/>
    </xf>
    <xf numFmtId="197" fontId="49" fillId="0" borderId="48" xfId="240" applyNumberFormat="1" applyFont="1" applyBorder="1" applyAlignment="1" applyProtection="1">
      <alignment horizontal="right" vertical="center"/>
      <protection locked="0"/>
    </xf>
    <xf numFmtId="197" fontId="49" fillId="0" borderId="60" xfId="240" applyNumberFormat="1" applyFont="1" applyFill="1" applyBorder="1" applyAlignment="1" applyProtection="1">
      <alignment horizontal="right" vertical="center"/>
      <protection locked="0"/>
    </xf>
    <xf numFmtId="197" fontId="49" fillId="0" borderId="48" xfId="98" applyNumberFormat="1" applyFont="1" applyBorder="1" applyAlignment="1" applyProtection="1">
      <alignment horizontal="right" vertical="center"/>
      <protection locked="0"/>
    </xf>
    <xf numFmtId="179" fontId="49" fillId="0" borderId="51" xfId="98" applyNumberFormat="1" applyFont="1" applyBorder="1" applyAlignment="1" applyProtection="1">
      <alignment horizontal="right" vertical="center"/>
      <protection locked="0"/>
    </xf>
    <xf numFmtId="0" fontId="49" fillId="0" borderId="53" xfId="0" applyFont="1" applyBorder="1" applyAlignment="1">
      <alignment horizontal="left" vertical="center"/>
    </xf>
    <xf numFmtId="0" fontId="49" fillId="0" borderId="57" xfId="0" applyFont="1" applyFill="1" applyBorder="1" applyAlignment="1" applyProtection="1">
      <protection locked="0"/>
    </xf>
    <xf numFmtId="218" fontId="49" fillId="0" borderId="59" xfId="0" applyNumberFormat="1" applyFont="1" applyFill="1" applyBorder="1" applyAlignment="1" applyProtection="1">
      <alignment horizontal="left"/>
      <protection locked="0"/>
    </xf>
    <xf numFmtId="0" fontId="49" fillId="0" borderId="49" xfId="0" applyFont="1" applyBorder="1" applyAlignment="1">
      <alignment horizontal="center" vertical="center"/>
    </xf>
    <xf numFmtId="0" fontId="49" fillId="0" borderId="57" xfId="0" applyFont="1" applyBorder="1" applyAlignment="1" applyProtection="1">
      <protection locked="0"/>
    </xf>
    <xf numFmtId="176" fontId="49" fillId="0" borderId="58" xfId="98" applyNumberFormat="1" applyFont="1" applyBorder="1" applyAlignment="1" applyProtection="1">
      <alignment horizontal="right"/>
      <protection locked="0"/>
    </xf>
    <xf numFmtId="176" fontId="49" fillId="0" borderId="58" xfId="98" applyNumberFormat="1" applyFont="1" applyBorder="1" applyProtection="1">
      <protection locked="0"/>
    </xf>
    <xf numFmtId="0" fontId="49" fillId="0" borderId="53" xfId="0" applyFont="1" applyBorder="1" applyAlignment="1">
      <alignment horizontal="left"/>
    </xf>
    <xf numFmtId="0" fontId="43" fillId="0" borderId="0" xfId="117" applyFont="1" applyBorder="1" applyAlignment="1">
      <alignment horizontal="center"/>
    </xf>
    <xf numFmtId="197" fontId="10" fillId="0" borderId="21" xfId="98" applyNumberFormat="1" applyFont="1" applyBorder="1"/>
    <xf numFmtId="198" fontId="10" fillId="0" borderId="21" xfId="98" applyNumberFormat="1" applyFont="1" applyBorder="1"/>
    <xf numFmtId="194" fontId="10" fillId="0" borderId="23" xfId="98" applyNumberFormat="1" applyFont="1" applyBorder="1"/>
    <xf numFmtId="0" fontId="45" fillId="0" borderId="16" xfId="117" applyNumberFormat="1" applyFont="1" applyBorder="1" applyAlignment="1">
      <alignment horizontal="center"/>
    </xf>
    <xf numFmtId="194" fontId="10" fillId="0" borderId="21" xfId="98" applyNumberFormat="1" applyFont="1" applyBorder="1"/>
    <xf numFmtId="194" fontId="10" fillId="0" borderId="19" xfId="98" applyNumberFormat="1" applyFont="1" applyBorder="1"/>
    <xf numFmtId="194" fontId="49" fillId="0" borderId="53" xfId="98" applyNumberFormat="1" applyFont="1" applyFill="1" applyBorder="1" applyProtection="1">
      <protection locked="0"/>
    </xf>
    <xf numFmtId="0" fontId="51" fillId="0" borderId="58" xfId="0" applyFont="1" applyBorder="1" applyAlignment="1"/>
    <xf numFmtId="0" fontId="51" fillId="0" borderId="58" xfId="0" applyFont="1" applyBorder="1" applyAlignment="1">
      <alignment horizontal="center" vertical="center"/>
    </xf>
    <xf numFmtId="38" fontId="51" fillId="0" borderId="58" xfId="0" applyNumberFormat="1" applyFont="1" applyBorder="1" applyAlignment="1"/>
    <xf numFmtId="202" fontId="49" fillId="0" borderId="48" xfId="115" applyNumberFormat="1" applyFont="1" applyFill="1" applyBorder="1" applyAlignment="1" applyProtection="1">
      <alignment horizontal="right"/>
      <protection locked="0"/>
    </xf>
    <xf numFmtId="0" fontId="6" fillId="0" borderId="0" xfId="259" applyFont="1" applyFill="1" applyBorder="1" applyAlignment="1">
      <alignment vertical="top" wrapText="1"/>
    </xf>
    <xf numFmtId="0" fontId="6" fillId="0" borderId="25" xfId="259" applyFont="1" applyFill="1" applyBorder="1" applyAlignment="1">
      <alignment vertical="top" wrapText="1"/>
    </xf>
    <xf numFmtId="0" fontId="6" fillId="0" borderId="0" xfId="259" applyFont="1" applyFill="1" applyBorder="1" applyAlignment="1">
      <alignment shrinkToFit="1"/>
    </xf>
    <xf numFmtId="0" fontId="6" fillId="0" borderId="74" xfId="259" applyFont="1" applyFill="1" applyBorder="1" applyAlignment="1"/>
    <xf numFmtId="0" fontId="6" fillId="0" borderId="24" xfId="259" applyFont="1" applyFill="1" applyBorder="1" applyAlignment="1">
      <alignment horizontal="center"/>
    </xf>
    <xf numFmtId="0" fontId="6" fillId="0" borderId="0" xfId="259" applyFont="1" applyFill="1" applyBorder="1" applyAlignment="1">
      <alignment horizontal="center"/>
    </xf>
    <xf numFmtId="0" fontId="6" fillId="0" borderId="25" xfId="259" applyFont="1" applyFill="1" applyBorder="1" applyAlignment="1">
      <alignment horizontal="center"/>
    </xf>
    <xf numFmtId="0" fontId="10" fillId="0" borderId="0" xfId="259" applyFont="1" applyFill="1" applyBorder="1" applyAlignment="1">
      <alignment shrinkToFit="1"/>
    </xf>
    <xf numFmtId="0" fontId="4" fillId="0" borderId="0" xfId="259" applyFont="1" applyFill="1" applyBorder="1" applyAlignment="1">
      <alignment shrinkToFit="1"/>
    </xf>
    <xf numFmtId="0" fontId="6" fillId="0" borderId="26" xfId="259" applyFont="1" applyFill="1" applyBorder="1" applyAlignment="1">
      <alignment shrinkToFit="1"/>
    </xf>
    <xf numFmtId="0" fontId="6" fillId="0" borderId="0" xfId="259" applyFont="1" applyFill="1" applyBorder="1" applyAlignment="1"/>
    <xf numFmtId="0" fontId="43" fillId="0" borderId="0" xfId="117" applyFont="1" applyBorder="1" applyAlignment="1">
      <alignment horizontal="center"/>
    </xf>
    <xf numFmtId="0" fontId="51" fillId="0" borderId="51" xfId="0" applyFont="1" applyBorder="1" applyAlignment="1">
      <alignment vertical="center"/>
    </xf>
    <xf numFmtId="0" fontId="49" fillId="0" borderId="0" xfId="115" applyFont="1" applyFill="1" applyBorder="1" applyAlignment="1" applyProtection="1">
      <alignment vertical="center"/>
      <protection locked="0"/>
    </xf>
    <xf numFmtId="0" fontId="49" fillId="0" borderId="0" xfId="115" applyFont="1" applyBorder="1" applyAlignment="1" applyProtection="1">
      <alignment vertical="center"/>
      <protection locked="0"/>
    </xf>
    <xf numFmtId="0" fontId="49" fillId="0" borderId="0" xfId="115" applyFont="1" applyBorder="1" applyAlignment="1" applyProtection="1">
      <alignment horizontal="center" vertical="center"/>
      <protection locked="0"/>
    </xf>
    <xf numFmtId="38" fontId="49" fillId="0" borderId="0" xfId="98" applyFont="1" applyBorder="1" applyAlignment="1" applyProtection="1">
      <alignment horizontal="right" vertical="center"/>
      <protection locked="0"/>
    </xf>
    <xf numFmtId="197" fontId="51" fillId="0" borderId="0" xfId="115" applyNumberFormat="1" applyFont="1" applyBorder="1" applyAlignment="1">
      <alignment horizontal="center" vertical="center"/>
    </xf>
    <xf numFmtId="197" fontId="51" fillId="0" borderId="0" xfId="115" applyNumberFormat="1" applyFont="1" applyFill="1" applyBorder="1" applyAlignment="1">
      <alignment horizontal="center" vertical="center"/>
    </xf>
    <xf numFmtId="0" fontId="49" fillId="0" borderId="0" xfId="0" applyFont="1" applyBorder="1" applyAlignment="1" applyProtection="1">
      <alignment horizontal="center" vertical="center"/>
      <protection locked="0"/>
    </xf>
    <xf numFmtId="0" fontId="51" fillId="0" borderId="0" xfId="115" applyFont="1" applyBorder="1" applyAlignment="1" applyProtection="1">
      <alignment vertical="center"/>
      <protection locked="0"/>
    </xf>
    <xf numFmtId="0" fontId="49" fillId="0" borderId="0" xfId="115" applyFont="1" applyBorder="1" applyAlignment="1" applyProtection="1">
      <protection locked="0"/>
    </xf>
    <xf numFmtId="197" fontId="49" fillId="0" borderId="0" xfId="98" applyNumberFormat="1" applyFont="1" applyBorder="1" applyAlignment="1" applyProtection="1">
      <alignment horizontal="right" vertical="center"/>
      <protection locked="0"/>
    </xf>
    <xf numFmtId="197" fontId="49" fillId="0" borderId="0" xfId="98" applyNumberFormat="1" applyFont="1" applyFill="1" applyBorder="1" applyAlignment="1" applyProtection="1">
      <alignment horizontal="right" vertical="center"/>
      <protection locked="0"/>
    </xf>
    <xf numFmtId="0" fontId="49" fillId="0" borderId="0" xfId="115" applyFont="1" applyFill="1" applyBorder="1" applyAlignment="1" applyProtection="1">
      <protection locked="0"/>
    </xf>
    <xf numFmtId="0" fontId="49" fillId="0" borderId="0" xfId="115" applyFont="1" applyBorder="1" applyAlignment="1" applyProtection="1">
      <alignment horizontal="center"/>
      <protection locked="0"/>
    </xf>
    <xf numFmtId="209" fontId="49" fillId="0" borderId="0" xfId="98" applyNumberFormat="1" applyFont="1" applyBorder="1" applyAlignment="1" applyProtection="1">
      <alignment horizontal="right"/>
      <protection locked="0"/>
    </xf>
    <xf numFmtId="197" fontId="49" fillId="0" borderId="0" xfId="98" applyNumberFormat="1" applyFont="1" applyBorder="1" applyProtection="1">
      <protection locked="0"/>
    </xf>
    <xf numFmtId="195" fontId="49" fillId="0" borderId="0" xfId="98" applyNumberFormat="1" applyFont="1" applyFill="1" applyBorder="1" applyProtection="1">
      <protection locked="0"/>
    </xf>
    <xf numFmtId="0" fontId="49" fillId="0" borderId="0" xfId="0" applyFont="1" applyBorder="1" applyAlignment="1" applyProtection="1">
      <protection locked="0"/>
    </xf>
    <xf numFmtId="0" fontId="4" fillId="0" borderId="0" xfId="115" applyFont="1" applyBorder="1"/>
    <xf numFmtId="0" fontId="51" fillId="0" borderId="0" xfId="115" applyFont="1" applyFill="1" applyBorder="1" applyAlignment="1" applyProtection="1">
      <alignment vertical="center"/>
      <protection locked="0"/>
    </xf>
    <xf numFmtId="0" fontId="51" fillId="0" borderId="0" xfId="115" applyFont="1" applyFill="1" applyBorder="1" applyAlignment="1" applyProtection="1">
      <protection locked="0"/>
    </xf>
    <xf numFmtId="0" fontId="49" fillId="0" borderId="0" xfId="0" applyFont="1" applyBorder="1" applyAlignment="1" applyProtection="1">
      <alignment horizontal="center"/>
      <protection locked="0"/>
    </xf>
    <xf numFmtId="0" fontId="49" fillId="0" borderId="0" xfId="0" applyFont="1" applyFill="1" applyBorder="1" applyAlignment="1" applyProtection="1">
      <alignment vertical="center"/>
      <protection locked="0"/>
    </xf>
    <xf numFmtId="0" fontId="49" fillId="0" borderId="0" xfId="0" applyFont="1" applyFill="1" applyBorder="1" applyAlignment="1" applyProtection="1">
      <alignment horizontal="center" vertical="center"/>
      <protection locked="0"/>
    </xf>
    <xf numFmtId="202" fontId="49" fillId="0" borderId="0" xfId="115" applyNumberFormat="1" applyFont="1" applyFill="1" applyBorder="1" applyAlignment="1" applyProtection="1">
      <alignment horizontal="right" vertical="center"/>
      <protection locked="0"/>
    </xf>
    <xf numFmtId="0" fontId="49" fillId="0" borderId="0" xfId="0" applyFont="1" applyFill="1" applyBorder="1" applyAlignment="1">
      <alignment horizontal="left"/>
    </xf>
    <xf numFmtId="0" fontId="51" fillId="0" borderId="0" xfId="115" applyFont="1" applyBorder="1" applyAlignment="1" applyProtection="1">
      <protection locked="0"/>
    </xf>
    <xf numFmtId="0" fontId="49" fillId="0" borderId="0" xfId="0" applyFont="1" applyFill="1" applyBorder="1" applyAlignment="1" applyProtection="1">
      <protection locked="0"/>
    </xf>
    <xf numFmtId="0" fontId="49" fillId="0" borderId="0" xfId="0" applyFont="1" applyFill="1" applyBorder="1" applyAlignment="1" applyProtection="1">
      <alignment horizontal="center"/>
      <protection locked="0"/>
    </xf>
    <xf numFmtId="207" fontId="49" fillId="0" borderId="0" xfId="98" applyNumberFormat="1" applyFont="1" applyFill="1" applyBorder="1" applyAlignment="1" applyProtection="1">
      <alignment horizontal="right"/>
      <protection locked="0"/>
    </xf>
    <xf numFmtId="202" fontId="49" fillId="0" borderId="0" xfId="98" applyNumberFormat="1" applyFont="1" applyFill="1" applyBorder="1" applyAlignment="1" applyProtection="1">
      <alignment horizontal="right"/>
      <protection locked="0"/>
    </xf>
    <xf numFmtId="202" fontId="49" fillId="0" borderId="0" xfId="98" applyNumberFormat="1" applyFont="1" applyFill="1" applyBorder="1" applyProtection="1">
      <protection locked="0"/>
    </xf>
    <xf numFmtId="205" fontId="51" fillId="0" borderId="0" xfId="0" applyNumberFormat="1" applyFont="1" applyBorder="1" applyAlignment="1" applyProtection="1">
      <alignment horizontal="center"/>
      <protection locked="0"/>
    </xf>
    <xf numFmtId="0" fontId="51" fillId="0" borderId="0" xfId="115" applyFont="1" applyBorder="1" applyAlignment="1" applyProtection="1">
      <alignment horizontal="right"/>
      <protection locked="0"/>
    </xf>
    <xf numFmtId="38" fontId="49" fillId="0" borderId="0" xfId="98" applyFont="1" applyFill="1" applyBorder="1" applyAlignment="1" applyProtection="1">
      <alignment horizontal="right" vertical="center"/>
      <protection locked="0"/>
    </xf>
    <xf numFmtId="0" fontId="49" fillId="0" borderId="0" xfId="0" applyFont="1" applyBorder="1" applyAlignment="1" applyProtection="1">
      <alignment vertical="center"/>
      <protection locked="0"/>
    </xf>
    <xf numFmtId="0" fontId="49" fillId="0" borderId="0" xfId="0" applyFont="1" applyBorder="1" applyAlignment="1" applyProtection="1">
      <alignment horizontal="right"/>
      <protection locked="0"/>
    </xf>
    <xf numFmtId="0" fontId="49" fillId="0" borderId="0" xfId="115" applyNumberFormat="1" applyFont="1" applyFill="1" applyBorder="1" applyAlignment="1" applyProtection="1">
      <alignment vertical="center"/>
      <protection locked="0"/>
    </xf>
    <xf numFmtId="0" fontId="49" fillId="0" borderId="0" xfId="115" applyNumberFormat="1" applyFont="1" applyFill="1" applyBorder="1" applyAlignment="1" applyProtection="1">
      <alignment wrapText="1"/>
      <protection locked="0"/>
    </xf>
    <xf numFmtId="41" fontId="49" fillId="0" borderId="0" xfId="115" applyNumberFormat="1" applyFont="1" applyBorder="1" applyAlignment="1" applyProtection="1">
      <alignment vertical="center"/>
      <protection locked="0"/>
    </xf>
    <xf numFmtId="41" fontId="49" fillId="0" borderId="0" xfId="115" applyNumberFormat="1" applyFont="1" applyBorder="1" applyAlignment="1" applyProtection="1">
      <alignment wrapText="1"/>
      <protection locked="0"/>
    </xf>
    <xf numFmtId="0" fontId="49" fillId="0" borderId="0" xfId="0" applyFont="1" applyBorder="1" applyAlignment="1" applyProtection="1">
      <alignment vertical="center" shrinkToFit="1"/>
      <protection locked="0"/>
    </xf>
    <xf numFmtId="0" fontId="51" fillId="0" borderId="0" xfId="115" applyFont="1" applyFill="1" applyBorder="1" applyAlignment="1">
      <alignment horizontal="center" vertical="center"/>
    </xf>
    <xf numFmtId="0" fontId="51" fillId="0" borderId="0" xfId="115" applyFont="1" applyFill="1" applyBorder="1" applyAlignment="1">
      <alignment horizontal="left" vertical="center"/>
    </xf>
    <xf numFmtId="0" fontId="49" fillId="0" borderId="0" xfId="0" applyFont="1" applyBorder="1" applyAlignment="1" applyProtection="1">
      <alignment shrinkToFit="1"/>
      <protection locked="0"/>
    </xf>
    <xf numFmtId="0" fontId="49" fillId="0" borderId="0" xfId="115" applyFont="1" applyFill="1" applyBorder="1" applyAlignment="1" applyProtection="1">
      <alignment wrapText="1"/>
      <protection locked="0"/>
    </xf>
    <xf numFmtId="0" fontId="49" fillId="0" borderId="0" xfId="115" applyFont="1" applyFill="1" applyBorder="1" applyAlignment="1" applyProtection="1">
      <alignment horizontal="left" vertical="center" wrapText="1"/>
      <protection locked="0"/>
    </xf>
    <xf numFmtId="195" fontId="49" fillId="0" borderId="0" xfId="98" applyNumberFormat="1" applyFont="1" applyBorder="1" applyAlignment="1" applyProtection="1">
      <alignment horizontal="right" vertical="center"/>
      <protection locked="0"/>
    </xf>
    <xf numFmtId="205" fontId="49" fillId="0" borderId="0" xfId="0" applyNumberFormat="1" applyFont="1" applyBorder="1" applyAlignment="1" applyProtection="1">
      <alignment horizontal="center" vertical="center" shrinkToFit="1"/>
      <protection locked="0"/>
    </xf>
    <xf numFmtId="196" fontId="49" fillId="0" borderId="0" xfId="98" applyNumberFormat="1" applyFont="1" applyBorder="1" applyAlignment="1" applyProtection="1">
      <alignment horizontal="right" vertical="center"/>
      <protection locked="0"/>
    </xf>
    <xf numFmtId="0" fontId="49" fillId="0" borderId="0" xfId="0" applyFont="1" applyBorder="1" applyAlignment="1" applyProtection="1">
      <alignment horizontal="center" vertical="center" shrinkToFit="1"/>
      <protection locked="0"/>
    </xf>
    <xf numFmtId="38" fontId="49" fillId="0" borderId="0" xfId="98" applyFont="1" applyBorder="1" applyAlignment="1" applyProtection="1">
      <alignment horizontal="right"/>
      <protection locked="0"/>
    </xf>
    <xf numFmtId="41" fontId="49" fillId="0" borderId="0" xfId="98" applyNumberFormat="1" applyFont="1" applyBorder="1" applyProtection="1">
      <protection locked="0"/>
    </xf>
    <xf numFmtId="205" fontId="49" fillId="0" borderId="0" xfId="0" applyNumberFormat="1" applyFont="1" applyBorder="1" applyAlignment="1" applyProtection="1">
      <alignment horizontal="center" shrinkToFit="1"/>
      <protection locked="0"/>
    </xf>
    <xf numFmtId="0" fontId="49" fillId="0" borderId="0" xfId="0" applyFont="1" applyBorder="1" applyAlignment="1" applyProtection="1">
      <alignment horizontal="right" vertical="center" shrinkToFit="1"/>
      <protection locked="0"/>
    </xf>
    <xf numFmtId="38" fontId="49" fillId="0" borderId="0" xfId="98" applyFont="1" applyBorder="1" applyAlignment="1" applyProtection="1">
      <alignment horizontal="right" vertical="center" shrinkToFit="1"/>
      <protection locked="0"/>
    </xf>
    <xf numFmtId="195" fontId="49" fillId="0" borderId="0" xfId="98" applyNumberFormat="1" applyFont="1" applyBorder="1" applyAlignment="1" applyProtection="1">
      <alignment horizontal="right" vertical="center" shrinkToFit="1"/>
      <protection locked="0"/>
    </xf>
    <xf numFmtId="0" fontId="49" fillId="0" borderId="0" xfId="0" applyFont="1" applyBorder="1" applyAlignment="1">
      <alignment horizontal="center" vertical="center" shrinkToFit="1"/>
    </xf>
    <xf numFmtId="196" fontId="49" fillId="0" borderId="0" xfId="98" applyNumberFormat="1" applyFont="1" applyBorder="1" applyAlignment="1" applyProtection="1">
      <alignment horizontal="right" vertical="center" shrinkToFit="1"/>
      <protection locked="0"/>
    </xf>
    <xf numFmtId="0" fontId="49" fillId="0" borderId="0" xfId="0" applyFont="1" applyBorder="1" applyAlignment="1" applyProtection="1">
      <alignment horizontal="center" shrinkToFit="1"/>
      <protection locked="0"/>
    </xf>
    <xf numFmtId="0" fontId="49" fillId="0" borderId="0" xfId="0" applyFont="1" applyBorder="1" applyAlignment="1" applyProtection="1">
      <alignment horizontal="right" shrinkToFit="1"/>
      <protection locked="0"/>
    </xf>
    <xf numFmtId="38" fontId="49" fillId="0" borderId="0" xfId="98" applyFont="1" applyBorder="1" applyAlignment="1" applyProtection="1">
      <alignment horizontal="right" shrinkToFit="1"/>
      <protection locked="0"/>
    </xf>
    <xf numFmtId="195" fontId="49" fillId="0" borderId="0" xfId="98" applyNumberFormat="1" applyFont="1" applyBorder="1" applyProtection="1">
      <protection locked="0"/>
    </xf>
    <xf numFmtId="202" fontId="49" fillId="0" borderId="0" xfId="98" applyNumberFormat="1" applyFont="1" applyBorder="1" applyAlignment="1" applyProtection="1">
      <alignment horizontal="right" vertical="center" shrinkToFit="1"/>
      <protection locked="0"/>
    </xf>
    <xf numFmtId="1" fontId="49" fillId="0" borderId="0" xfId="0" applyNumberFormat="1" applyFont="1" applyBorder="1" applyAlignment="1" applyProtection="1">
      <alignment horizontal="right" shrinkToFit="1"/>
      <protection locked="0"/>
    </xf>
    <xf numFmtId="202" fontId="49" fillId="0" borderId="0" xfId="98" applyNumberFormat="1" applyFont="1" applyBorder="1" applyAlignment="1" applyProtection="1">
      <alignment horizontal="right" shrinkToFit="1"/>
      <protection locked="0"/>
    </xf>
    <xf numFmtId="179" fontId="49" fillId="0" borderId="0" xfId="98" applyNumberFormat="1" applyFont="1" applyBorder="1" applyAlignment="1" applyProtection="1">
      <alignment shrinkToFit="1"/>
      <protection locked="0"/>
    </xf>
    <xf numFmtId="0" fontId="50" fillId="0" borderId="0" xfId="0" applyFont="1" applyBorder="1" applyAlignment="1">
      <alignment vertical="center"/>
    </xf>
    <xf numFmtId="0" fontId="55" fillId="0" borderId="0" xfId="0" applyFont="1" applyBorder="1" applyAlignment="1">
      <alignment horizontal="center" vertical="center" shrinkToFit="1"/>
    </xf>
    <xf numFmtId="202" fontId="55" fillId="0" borderId="0" xfId="0" applyNumberFormat="1" applyFont="1" applyBorder="1" applyAlignment="1">
      <alignment horizontal="center" vertical="center" shrinkToFit="1"/>
    </xf>
    <xf numFmtId="202" fontId="55" fillId="0" borderId="0" xfId="98" applyNumberFormat="1" applyFont="1" applyBorder="1" applyAlignment="1">
      <alignment horizontal="center" vertical="center" shrinkToFit="1"/>
    </xf>
    <xf numFmtId="0" fontId="4" fillId="0" borderId="0" xfId="0" applyFont="1" applyBorder="1" applyAlignment="1"/>
    <xf numFmtId="0" fontId="49" fillId="0" borderId="0" xfId="115" applyFont="1" applyFill="1" applyBorder="1" applyAlignment="1" applyProtection="1">
      <alignment horizontal="left" vertical="center"/>
      <protection locked="0"/>
    </xf>
    <xf numFmtId="0" fontId="49" fillId="0" borderId="0" xfId="115" applyFont="1" applyFill="1" applyBorder="1" applyAlignment="1" applyProtection="1">
      <alignment horizontal="center" vertical="center"/>
      <protection locked="0"/>
    </xf>
    <xf numFmtId="0" fontId="49" fillId="0" borderId="0" xfId="115" applyFont="1" applyFill="1" applyBorder="1" applyAlignment="1" applyProtection="1">
      <alignment horizontal="center"/>
      <protection locked="0"/>
    </xf>
    <xf numFmtId="0" fontId="75" fillId="0" borderId="0" xfId="115" applyFont="1" applyFill="1" applyBorder="1" applyAlignment="1" applyProtection="1">
      <alignment horizontal="left" vertical="center"/>
      <protection locked="0"/>
    </xf>
    <xf numFmtId="0" fontId="49" fillId="0" borderId="0" xfId="115" applyFont="1" applyFill="1" applyBorder="1" applyAlignment="1" applyProtection="1">
      <alignment horizontal="left"/>
      <protection locked="0"/>
    </xf>
    <xf numFmtId="0" fontId="49" fillId="0" borderId="0" xfId="115" applyFont="1" applyBorder="1" applyAlignment="1" applyProtection="1">
      <alignment horizontal="left" vertical="top" wrapText="1"/>
      <protection locked="0"/>
    </xf>
    <xf numFmtId="0" fontId="49" fillId="0" borderId="0" xfId="115" applyFont="1" applyBorder="1" applyAlignment="1" applyProtection="1">
      <alignment horizontal="left" vertical="center"/>
      <protection locked="0"/>
    </xf>
    <xf numFmtId="0" fontId="51" fillId="0" borderId="0" xfId="115" applyFont="1" applyFill="1" applyBorder="1" applyAlignment="1" applyProtection="1">
      <alignment horizontal="center" vertical="center"/>
      <protection locked="0"/>
    </xf>
    <xf numFmtId="38" fontId="49" fillId="0" borderId="0" xfId="98" applyFont="1" applyFill="1" applyBorder="1" applyAlignment="1" applyProtection="1">
      <alignment horizontal="right"/>
      <protection locked="0"/>
    </xf>
    <xf numFmtId="0" fontId="51" fillId="0" borderId="0" xfId="115" applyFont="1" applyBorder="1" applyAlignment="1">
      <alignment horizontal="left"/>
    </xf>
    <xf numFmtId="0" fontId="49" fillId="0" borderId="0" xfId="115" applyFont="1" applyBorder="1" applyAlignment="1" applyProtection="1">
      <alignment horizontal="left"/>
      <protection locked="0"/>
    </xf>
    <xf numFmtId="0" fontId="49" fillId="0" borderId="0" xfId="0" applyFont="1" applyBorder="1" applyAlignment="1" applyProtection="1">
      <alignment horizontal="left"/>
      <protection locked="0"/>
    </xf>
    <xf numFmtId="196" fontId="49" fillId="0" borderId="0" xfId="98" applyNumberFormat="1" applyFont="1" applyFill="1" applyBorder="1" applyProtection="1">
      <protection locked="0"/>
    </xf>
    <xf numFmtId="202" fontId="49" fillId="0" borderId="0" xfId="115" applyNumberFormat="1" applyFont="1" applyFill="1" applyBorder="1" applyAlignment="1" applyProtection="1">
      <alignment horizontal="right"/>
      <protection locked="0"/>
    </xf>
    <xf numFmtId="202" fontId="51" fillId="0" borderId="0" xfId="115" applyNumberFormat="1" applyFont="1" applyFill="1" applyBorder="1" applyAlignment="1">
      <alignment horizontal="center" vertical="center"/>
    </xf>
    <xf numFmtId="205" fontId="49" fillId="0" borderId="0" xfId="0" applyNumberFormat="1" applyFont="1" applyBorder="1" applyAlignment="1" applyProtection="1">
      <alignment horizontal="left" vertical="center" shrinkToFit="1"/>
      <protection locked="0"/>
    </xf>
    <xf numFmtId="232" fontId="49" fillId="0" borderId="0" xfId="98" applyNumberFormat="1" applyFont="1" applyFill="1" applyBorder="1" applyAlignment="1" applyProtection="1">
      <alignment horizontal="right"/>
      <protection locked="0"/>
    </xf>
    <xf numFmtId="41" fontId="49" fillId="0" borderId="0" xfId="0" applyNumberFormat="1" applyFont="1" applyBorder="1" applyAlignment="1" applyProtection="1">
      <protection locked="0"/>
    </xf>
    <xf numFmtId="229" fontId="49" fillId="0" borderId="0" xfId="0" applyNumberFormat="1" applyFont="1" applyBorder="1" applyAlignment="1" applyProtection="1">
      <alignment horizontal="left" shrinkToFit="1"/>
      <protection locked="0"/>
    </xf>
    <xf numFmtId="0" fontId="3" fillId="0" borderId="0" xfId="115" applyFont="1" applyFill="1" applyBorder="1" applyAlignment="1" applyProtection="1">
      <alignment horizontal="center" vertical="center"/>
      <protection locked="0"/>
    </xf>
    <xf numFmtId="0" fontId="3" fillId="0" borderId="0" xfId="115" applyFont="1" applyFill="1" applyBorder="1" applyAlignment="1">
      <alignment horizontal="center" vertical="center"/>
    </xf>
    <xf numFmtId="40" fontId="49" fillId="0" borderId="0" xfId="98" applyNumberFormat="1" applyFont="1" applyFill="1" applyBorder="1" applyAlignment="1" applyProtection="1">
      <alignment horizontal="right"/>
      <protection locked="0"/>
    </xf>
    <xf numFmtId="38" fontId="55" fillId="0" borderId="0" xfId="98" applyFont="1" applyBorder="1" applyAlignment="1">
      <alignment horizontal="center" vertical="center" shrinkToFit="1"/>
    </xf>
    <xf numFmtId="0" fontId="4" fillId="0" borderId="0" xfId="0" applyFont="1" applyBorder="1" applyAlignment="1">
      <alignment horizontal="center" vertical="center"/>
    </xf>
    <xf numFmtId="0" fontId="0" fillId="0" borderId="0" xfId="0" applyBorder="1">
      <alignment vertical="center"/>
    </xf>
    <xf numFmtId="0" fontId="55" fillId="0" borderId="74" xfId="0" applyFont="1" applyBorder="1" applyAlignment="1">
      <alignment horizontal="center" vertical="center" shrinkToFit="1"/>
    </xf>
    <xf numFmtId="38" fontId="55" fillId="0" borderId="74" xfId="98" applyFont="1" applyBorder="1" applyAlignment="1">
      <alignment horizontal="center" vertical="center" shrinkToFit="1"/>
    </xf>
    <xf numFmtId="0" fontId="55" fillId="0" borderId="26" xfId="0" applyFont="1" applyBorder="1" applyAlignment="1">
      <alignment horizontal="center" vertical="center" shrinkToFit="1"/>
    </xf>
    <xf numFmtId="215" fontId="49" fillId="0" borderId="53" xfId="0" applyNumberFormat="1" applyFont="1" applyBorder="1" applyAlignment="1" applyProtection="1">
      <alignment horizontal="right"/>
      <protection locked="0"/>
    </xf>
    <xf numFmtId="236" fontId="49" fillId="0" borderId="53" xfId="98" applyNumberFormat="1" applyFont="1" applyBorder="1" applyAlignment="1" applyProtection="1">
      <alignment horizontal="right"/>
      <protection locked="0"/>
    </xf>
    <xf numFmtId="207" fontId="49" fillId="0" borderId="53" xfId="239" applyNumberFormat="1" applyFont="1" applyBorder="1" applyAlignment="1"/>
    <xf numFmtId="207" fontId="49" fillId="0" borderId="53" xfId="239" applyNumberFormat="1" applyFont="1" applyFill="1" applyBorder="1" applyAlignment="1" applyProtection="1">
      <alignment horizontal="right"/>
      <protection locked="0"/>
    </xf>
    <xf numFmtId="207" fontId="49" fillId="0" borderId="48" xfId="239" applyNumberFormat="1" applyFont="1" applyFill="1" applyBorder="1" applyAlignment="1" applyProtection="1">
      <alignment horizontal="right" vertical="center"/>
      <protection locked="0"/>
    </xf>
    <xf numFmtId="207" fontId="49" fillId="0" borderId="51" xfId="239" applyNumberFormat="1" applyFont="1" applyFill="1" applyBorder="1" applyAlignment="1" applyProtection="1">
      <alignment horizontal="right" vertical="center"/>
      <protection locked="0"/>
    </xf>
    <xf numFmtId="207" fontId="49" fillId="0" borderId="48" xfId="239" applyNumberFormat="1" applyFont="1" applyBorder="1" applyAlignment="1" applyProtection="1">
      <alignment horizontal="right" vertical="center"/>
      <protection locked="0"/>
    </xf>
    <xf numFmtId="207" fontId="49" fillId="0" borderId="51" xfId="239" applyNumberFormat="1" applyFont="1" applyBorder="1" applyAlignment="1" applyProtection="1">
      <alignment horizontal="right" vertical="center"/>
      <protection locked="0"/>
    </xf>
    <xf numFmtId="207" fontId="49" fillId="0" borderId="53" xfId="239" applyNumberFormat="1" applyFont="1" applyBorder="1" applyAlignment="1" applyProtection="1">
      <alignment horizontal="right"/>
      <protection locked="0"/>
    </xf>
    <xf numFmtId="207" fontId="49" fillId="0" borderId="48" xfId="239" applyNumberFormat="1" applyFont="1" applyBorder="1" applyAlignment="1">
      <alignment horizontal="center" vertical="center"/>
    </xf>
    <xf numFmtId="207" fontId="49" fillId="0" borderId="51" xfId="239" applyNumberFormat="1" applyFont="1" applyBorder="1" applyAlignment="1">
      <alignment horizontal="center" vertical="center"/>
    </xf>
    <xf numFmtId="207" fontId="49" fillId="0" borderId="66" xfId="239" applyNumberFormat="1" applyFont="1" applyFill="1" applyBorder="1" applyAlignment="1" applyProtection="1">
      <alignment vertical="center"/>
      <protection locked="0"/>
    </xf>
    <xf numFmtId="207" fontId="49" fillId="0" borderId="67" xfId="239" applyNumberFormat="1" applyFont="1" applyFill="1" applyBorder="1" applyAlignment="1" applyProtection="1">
      <alignment wrapText="1"/>
      <protection locked="0"/>
    </xf>
    <xf numFmtId="207" fontId="49" fillId="0" borderId="51" xfId="239" applyNumberFormat="1" applyFont="1" applyBorder="1" applyAlignment="1" applyProtection="1">
      <alignment horizontal="right" vertical="center" shrinkToFit="1"/>
      <protection locked="0"/>
    </xf>
    <xf numFmtId="207" fontId="49" fillId="0" borderId="53" xfId="239" applyNumberFormat="1" applyFont="1" applyBorder="1" applyAlignment="1" applyProtection="1">
      <alignment horizontal="right" shrinkToFit="1"/>
      <protection locked="0"/>
    </xf>
    <xf numFmtId="207" fontId="51" fillId="0" borderId="48" xfId="239" applyNumberFormat="1" applyFont="1" applyBorder="1" applyAlignment="1">
      <alignment horizontal="center" vertical="center"/>
    </xf>
    <xf numFmtId="207" fontId="51" fillId="0" borderId="51" xfId="239" applyNumberFormat="1" applyFont="1" applyBorder="1" applyAlignment="1">
      <alignment horizontal="center" vertical="center"/>
    </xf>
    <xf numFmtId="38" fontId="49" fillId="0" borderId="53" xfId="239" applyNumberFormat="1" applyFont="1" applyBorder="1" applyAlignment="1"/>
    <xf numFmtId="38" fontId="49" fillId="0" borderId="67" xfId="239" applyNumberFormat="1" applyFont="1" applyFill="1" applyBorder="1" applyAlignment="1" applyProtection="1">
      <alignment wrapText="1"/>
      <protection locked="0"/>
    </xf>
    <xf numFmtId="38" fontId="49" fillId="0" borderId="53" xfId="239" applyNumberFormat="1" applyFont="1" applyFill="1" applyBorder="1" applyAlignment="1" applyProtection="1">
      <alignment horizontal="right"/>
      <protection locked="0"/>
    </xf>
    <xf numFmtId="38" fontId="51" fillId="0" borderId="58" xfId="239" applyNumberFormat="1" applyFont="1" applyBorder="1" applyAlignment="1"/>
    <xf numFmtId="2" fontId="49" fillId="0" borderId="67" xfId="115" applyNumberFormat="1" applyFont="1" applyFill="1" applyBorder="1" applyAlignment="1" applyProtection="1">
      <alignment wrapText="1"/>
      <protection locked="0"/>
    </xf>
    <xf numFmtId="228" fontId="43" fillId="0" borderId="0" xfId="117" applyNumberFormat="1" applyFont="1" applyBorder="1" applyAlignment="1">
      <alignment horizontal="center"/>
    </xf>
    <xf numFmtId="177" fontId="43" fillId="0" borderId="0" xfId="117" applyNumberFormat="1" applyFont="1" applyBorder="1" applyAlignment="1">
      <alignment horizontal="center"/>
    </xf>
    <xf numFmtId="228" fontId="45" fillId="31" borderId="16" xfId="117" applyNumberFormat="1" applyFont="1" applyFill="1" applyBorder="1" applyAlignment="1">
      <alignment horizontal="center"/>
    </xf>
    <xf numFmtId="0" fontId="45" fillId="31" borderId="31" xfId="117" applyFont="1" applyFill="1" applyBorder="1" applyAlignment="1">
      <alignment horizontal="center"/>
    </xf>
    <xf numFmtId="0" fontId="51" fillId="0" borderId="47" xfId="0" applyFont="1" applyBorder="1" applyAlignment="1">
      <alignment horizontal="center" vertical="center"/>
    </xf>
    <xf numFmtId="0" fontId="51" fillId="0" borderId="50" xfId="0" applyFont="1" applyBorder="1" applyAlignment="1">
      <alignment horizontal="center" vertical="center"/>
    </xf>
    <xf numFmtId="0" fontId="51" fillId="0" borderId="56" xfId="0" applyFont="1" applyBorder="1" applyAlignment="1"/>
    <xf numFmtId="194" fontId="49" fillId="0" borderId="58" xfId="98" applyNumberFormat="1" applyFont="1" applyFill="1" applyBorder="1" applyProtection="1">
      <protection locked="0"/>
    </xf>
    <xf numFmtId="0" fontId="49" fillId="0" borderId="48" xfId="0" applyFont="1" applyBorder="1" applyAlignment="1">
      <alignment horizontal="left"/>
    </xf>
    <xf numFmtId="0" fontId="30" fillId="0" borderId="45" xfId="233" applyFont="1" applyBorder="1" applyAlignment="1">
      <alignment horizontal="center" vertical="center"/>
    </xf>
    <xf numFmtId="0" fontId="30" fillId="0" borderId="46" xfId="233" applyFont="1" applyBorder="1" applyAlignment="1">
      <alignment horizontal="center" vertical="center"/>
    </xf>
    <xf numFmtId="0" fontId="30" fillId="0" borderId="68" xfId="233" applyFont="1" applyBorder="1" applyAlignment="1">
      <alignment horizontal="center" vertical="center"/>
    </xf>
    <xf numFmtId="0" fontId="30" fillId="0" borderId="80" xfId="233" applyFont="1" applyBorder="1" applyAlignment="1">
      <alignment horizontal="center" vertical="center"/>
    </xf>
    <xf numFmtId="0" fontId="10" fillId="0" borderId="64" xfId="233" applyFont="1" applyBorder="1" applyAlignment="1">
      <alignment horizontal="center" vertical="center"/>
    </xf>
    <xf numFmtId="0" fontId="10" fillId="0" borderId="53" xfId="233" applyFont="1" applyBorder="1" applyAlignment="1">
      <alignment horizontal="center" vertical="center"/>
    </xf>
    <xf numFmtId="0" fontId="10" fillId="0" borderId="78" xfId="233" applyFont="1" applyBorder="1" applyAlignment="1">
      <alignment horizontal="center" vertical="center"/>
    </xf>
    <xf numFmtId="0" fontId="85" fillId="0" borderId="45" xfId="233" applyFont="1" applyBorder="1" applyAlignment="1">
      <alignment horizontal="center" vertical="center"/>
    </xf>
    <xf numFmtId="0" fontId="85" fillId="0" borderId="68" xfId="233" applyFont="1" applyBorder="1" applyAlignment="1">
      <alignment horizontal="center" vertical="center"/>
    </xf>
    <xf numFmtId="0" fontId="30" fillId="0" borderId="26" xfId="233" applyFont="1" applyBorder="1" applyAlignment="1">
      <alignment horizontal="center" vertical="center"/>
    </xf>
    <xf numFmtId="0" fontId="30" fillId="0" borderId="74" xfId="233" applyFont="1" applyBorder="1" applyAlignment="1">
      <alignment horizontal="center" vertical="center"/>
    </xf>
    <xf numFmtId="0" fontId="30" fillId="0" borderId="77" xfId="233" applyFont="1" applyBorder="1" applyAlignment="1">
      <alignment horizontal="center" vertical="center"/>
    </xf>
    <xf numFmtId="0" fontId="30" fillId="0" borderId="1" xfId="233" applyFont="1" applyBorder="1" applyAlignment="1">
      <alignment horizontal="center" vertical="center"/>
    </xf>
    <xf numFmtId="0" fontId="30" fillId="0" borderId="79" xfId="233" applyFont="1" applyBorder="1" applyAlignment="1">
      <alignment horizontal="center" vertical="center"/>
    </xf>
    <xf numFmtId="0" fontId="30" fillId="0" borderId="64" xfId="233" applyFont="1" applyBorder="1" applyAlignment="1">
      <alignment horizontal="center" vertical="center"/>
    </xf>
    <xf numFmtId="0" fontId="10" fillId="0" borderId="81" xfId="255" applyNumberFormat="1" applyFont="1" applyBorder="1" applyAlignment="1">
      <alignment horizontal="center" vertical="center"/>
    </xf>
    <xf numFmtId="0" fontId="10" fillId="0" borderId="69" xfId="255" applyNumberFormat="1" applyFont="1" applyBorder="1" applyAlignment="1">
      <alignment horizontal="center" vertical="center"/>
    </xf>
    <xf numFmtId="0" fontId="30" fillId="0" borderId="63" xfId="233" applyFont="1" applyBorder="1" applyAlignment="1">
      <alignment horizontal="center" vertical="center"/>
    </xf>
    <xf numFmtId="0" fontId="30" fillId="0" borderId="82" xfId="233" applyFont="1" applyBorder="1" applyAlignment="1">
      <alignment horizontal="center" vertical="center"/>
    </xf>
    <xf numFmtId="0" fontId="30" fillId="0" borderId="66" xfId="233" applyFont="1" applyBorder="1" applyAlignment="1">
      <alignment horizontal="center" vertical="center"/>
    </xf>
    <xf numFmtId="0" fontId="30" fillId="0" borderId="60" xfId="233" applyFont="1" applyBorder="1" applyAlignment="1">
      <alignment horizontal="center" vertical="center"/>
    </xf>
    <xf numFmtId="0" fontId="30" fillId="0" borderId="0" xfId="233" applyFont="1" applyBorder="1" applyAlignment="1">
      <alignment horizontal="center" vertical="center"/>
    </xf>
    <xf numFmtId="0" fontId="30" fillId="0" borderId="67" xfId="233" applyFont="1" applyBorder="1" applyAlignment="1">
      <alignment horizontal="center" vertical="center"/>
    </xf>
    <xf numFmtId="0" fontId="30" fillId="0" borderId="62" xfId="233" applyFont="1" applyBorder="1" applyAlignment="1">
      <alignment horizontal="center" vertical="center"/>
    </xf>
    <xf numFmtId="0" fontId="10" fillId="0" borderId="68" xfId="233" applyFont="1" applyBorder="1" applyAlignment="1">
      <alignment horizontal="center" vertical="center"/>
    </xf>
    <xf numFmtId="0" fontId="10" fillId="0" borderId="83" xfId="233" applyFont="1" applyBorder="1" applyAlignment="1">
      <alignment horizontal="center" vertical="center"/>
    </xf>
    <xf numFmtId="0" fontId="10" fillId="0" borderId="84" xfId="233" applyFont="1" applyBorder="1" applyAlignment="1">
      <alignment horizontal="center" vertical="center"/>
    </xf>
    <xf numFmtId="0" fontId="10" fillId="0" borderId="80" xfId="233" applyFont="1" applyBorder="1" applyAlignment="1">
      <alignment horizontal="center" vertical="center"/>
    </xf>
    <xf numFmtId="0" fontId="10" fillId="0" borderId="68" xfId="233" applyFont="1" applyBorder="1" applyAlignment="1">
      <alignment horizontal="center" vertical="center" wrapText="1"/>
    </xf>
    <xf numFmtId="0" fontId="10" fillId="0" borderId="63" xfId="233" applyFont="1" applyBorder="1" applyAlignment="1">
      <alignment horizontal="center" vertical="center"/>
    </xf>
    <xf numFmtId="0" fontId="10" fillId="0" borderId="85" xfId="233" applyFont="1" applyBorder="1" applyAlignment="1">
      <alignment horizontal="center" vertical="center"/>
    </xf>
    <xf numFmtId="0" fontId="10" fillId="0" borderId="60" xfId="233" applyFont="1" applyBorder="1" applyAlignment="1">
      <alignment horizontal="center" vertical="center"/>
    </xf>
    <xf numFmtId="0" fontId="10" fillId="0" borderId="25" xfId="233" applyFont="1" applyBorder="1" applyAlignment="1">
      <alignment horizontal="center" vertical="center"/>
    </xf>
    <xf numFmtId="0" fontId="10" fillId="0" borderId="62" xfId="233" applyFont="1" applyBorder="1" applyAlignment="1">
      <alignment horizontal="center" vertical="center"/>
    </xf>
    <xf numFmtId="0" fontId="10" fillId="0" borderId="86" xfId="233" applyFont="1" applyBorder="1" applyAlignment="1">
      <alignment horizontal="center" vertical="center"/>
    </xf>
    <xf numFmtId="0" fontId="10" fillId="0" borderId="81" xfId="233" applyNumberFormat="1" applyFont="1" applyBorder="1" applyAlignment="1">
      <alignment horizontal="center" vertical="center"/>
    </xf>
    <xf numFmtId="0" fontId="10" fillId="0" borderId="69" xfId="233" applyNumberFormat="1" applyFont="1" applyBorder="1" applyAlignment="1">
      <alignment horizontal="center" vertical="center"/>
    </xf>
    <xf numFmtId="0" fontId="32" fillId="0" borderId="63" xfId="233" applyFont="1" applyBorder="1" applyAlignment="1">
      <alignment horizontal="center" vertical="center"/>
    </xf>
    <xf numFmtId="0" fontId="32" fillId="0" borderId="82" xfId="233" applyFont="1" applyBorder="1" applyAlignment="1">
      <alignment horizontal="center" vertical="center"/>
    </xf>
    <xf numFmtId="0" fontId="32" fillId="0" borderId="66" xfId="233" applyFont="1" applyBorder="1" applyAlignment="1">
      <alignment horizontal="center" vertical="center"/>
    </xf>
    <xf numFmtId="0" fontId="32" fillId="0" borderId="60" xfId="233" applyFont="1" applyBorder="1" applyAlignment="1">
      <alignment horizontal="center" vertical="center"/>
    </xf>
    <xf numFmtId="0" fontId="32" fillId="0" borderId="0" xfId="233" applyFont="1" applyBorder="1" applyAlignment="1">
      <alignment horizontal="center" vertical="center"/>
    </xf>
    <xf numFmtId="0" fontId="32" fillId="0" borderId="67" xfId="233" applyFont="1" applyBorder="1" applyAlignment="1">
      <alignment horizontal="center" vertical="center"/>
    </xf>
    <xf numFmtId="0" fontId="32" fillId="0" borderId="62" xfId="233" applyFont="1" applyBorder="1" applyAlignment="1">
      <alignment horizontal="center" vertical="center"/>
    </xf>
    <xf numFmtId="0" fontId="32" fillId="0" borderId="79" xfId="233" applyFont="1" applyBorder="1" applyAlignment="1">
      <alignment horizontal="center" vertical="center"/>
    </xf>
    <xf numFmtId="0" fontId="32" fillId="0" borderId="64" xfId="233" applyFont="1" applyBorder="1" applyAlignment="1">
      <alignment horizontal="center" vertical="center"/>
    </xf>
    <xf numFmtId="0" fontId="10" fillId="0" borderId="82" xfId="233" applyFont="1" applyBorder="1" applyAlignment="1">
      <alignment horizontal="center" vertical="center"/>
    </xf>
    <xf numFmtId="0" fontId="10" fillId="0" borderId="79" xfId="233" applyFont="1" applyBorder="1" applyAlignment="1">
      <alignment horizontal="center" vertical="center"/>
    </xf>
    <xf numFmtId="3" fontId="30" fillId="0" borderId="0" xfId="233" applyNumberFormat="1" applyFont="1" applyBorder="1" applyAlignment="1">
      <alignment horizontal="center" vertical="center"/>
    </xf>
    <xf numFmtId="0" fontId="10" fillId="0" borderId="55" xfId="233" applyFont="1" applyBorder="1" applyAlignment="1">
      <alignment horizontal="center" vertical="center"/>
    </xf>
    <xf numFmtId="0" fontId="10" fillId="0" borderId="66" xfId="233" applyFont="1" applyBorder="1" applyAlignment="1">
      <alignment horizontal="center" vertical="center"/>
    </xf>
    <xf numFmtId="0" fontId="10" fillId="0" borderId="1" xfId="233" applyFont="1" applyBorder="1" applyAlignment="1">
      <alignment horizontal="center" vertical="center"/>
    </xf>
    <xf numFmtId="0" fontId="43" fillId="0" borderId="24" xfId="233" applyFont="1" applyBorder="1" applyAlignment="1">
      <alignment horizontal="left" vertical="top" wrapText="1"/>
    </xf>
    <xf numFmtId="0" fontId="43" fillId="0" borderId="0" xfId="233" applyFont="1" applyBorder="1" applyAlignment="1">
      <alignment horizontal="left" vertical="top" wrapText="1"/>
    </xf>
    <xf numFmtId="0" fontId="43" fillId="0" borderId="67" xfId="233" applyFont="1" applyBorder="1" applyAlignment="1">
      <alignment horizontal="left" vertical="top" wrapText="1"/>
    </xf>
    <xf numFmtId="0" fontId="43" fillId="0" borderId="15" xfId="233" applyFont="1" applyBorder="1" applyAlignment="1">
      <alignment horizontal="left" vertical="top" wrapText="1"/>
    </xf>
    <xf numFmtId="0" fontId="43" fillId="0" borderId="16" xfId="233" applyFont="1" applyBorder="1" applyAlignment="1">
      <alignment horizontal="left" vertical="top" wrapText="1"/>
    </xf>
    <xf numFmtId="0" fontId="43" fillId="0" borderId="87" xfId="233" applyFont="1" applyBorder="1" applyAlignment="1">
      <alignment horizontal="left" vertical="top" wrapText="1"/>
    </xf>
    <xf numFmtId="0" fontId="43" fillId="0" borderId="63" xfId="233" applyFont="1" applyBorder="1" applyAlignment="1">
      <alignment vertical="top" wrapText="1"/>
    </xf>
    <xf numFmtId="0" fontId="43" fillId="0" borderId="82" xfId="233" applyFont="1" applyBorder="1" applyAlignment="1">
      <alignment vertical="top" wrapText="1"/>
    </xf>
    <xf numFmtId="0" fontId="43" fillId="0" borderId="85" xfId="233" applyFont="1" applyBorder="1" applyAlignment="1">
      <alignment vertical="top" wrapText="1"/>
    </xf>
    <xf numFmtId="0" fontId="43" fillId="0" borderId="60" xfId="233" applyFont="1" applyBorder="1" applyAlignment="1">
      <alignment vertical="top" wrapText="1"/>
    </xf>
    <xf numFmtId="0" fontId="43" fillId="0" borderId="0" xfId="233" applyFont="1" applyBorder="1" applyAlignment="1">
      <alignment vertical="top" wrapText="1"/>
    </xf>
    <xf numFmtId="0" fontId="43" fillId="0" borderId="25" xfId="233" applyFont="1" applyBorder="1" applyAlignment="1">
      <alignment vertical="top" wrapText="1"/>
    </xf>
    <xf numFmtId="0" fontId="43" fillId="0" borderId="88" xfId="233" applyFont="1" applyBorder="1" applyAlignment="1">
      <alignment vertical="top" wrapText="1"/>
    </xf>
    <xf numFmtId="0" fontId="43" fillId="0" borderId="16" xfId="233" applyFont="1" applyBorder="1" applyAlignment="1">
      <alignment vertical="top" wrapText="1"/>
    </xf>
    <xf numFmtId="0" fontId="43" fillId="0" borderId="17" xfId="233" applyFont="1" applyBorder="1" applyAlignment="1">
      <alignment vertical="top" wrapText="1"/>
    </xf>
    <xf numFmtId="0" fontId="10" fillId="0" borderId="0" xfId="233" applyFont="1" applyBorder="1" applyAlignment="1">
      <alignment horizontal="center" vertical="center"/>
    </xf>
    <xf numFmtId="180" fontId="8" fillId="0" borderId="0" xfId="225" applyNumberFormat="1" applyFont="1" applyBorder="1" applyAlignment="1">
      <alignment horizontal="center" vertical="center"/>
    </xf>
    <xf numFmtId="0" fontId="44" fillId="0" borderId="37" xfId="117" applyFont="1" applyBorder="1" applyAlignment="1">
      <alignment horizontal="center" vertical="center" justifyLastLine="1"/>
    </xf>
    <xf numFmtId="38" fontId="43" fillId="0" borderId="61" xfId="98" applyFont="1" applyBorder="1" applyAlignment="1">
      <alignment horizontal="center" vertical="center"/>
    </xf>
    <xf numFmtId="38" fontId="43" fillId="0" borderId="4" xfId="98" applyFont="1" applyBorder="1" applyAlignment="1">
      <alignment horizontal="center" vertical="center"/>
    </xf>
    <xf numFmtId="0" fontId="43" fillId="0" borderId="0" xfId="117" applyFont="1" applyBorder="1" applyAlignment="1">
      <alignment horizontal="center" vertical="center"/>
    </xf>
    <xf numFmtId="0" fontId="43" fillId="0" borderId="0" xfId="117" applyFont="1" applyBorder="1" applyAlignment="1">
      <alignment horizontal="center"/>
    </xf>
    <xf numFmtId="0" fontId="47" fillId="0" borderId="0" xfId="258" applyFont="1" applyFill="1" applyBorder="1" applyAlignment="1">
      <alignment horizontal="center" shrinkToFit="1"/>
    </xf>
    <xf numFmtId="0" fontId="47" fillId="0" borderId="29" xfId="258" applyFont="1" applyFill="1" applyBorder="1" applyAlignment="1">
      <alignment horizontal="center" shrinkToFit="1"/>
    </xf>
    <xf numFmtId="0" fontId="56" fillId="0" borderId="61" xfId="115" applyFont="1" applyBorder="1" applyAlignment="1">
      <alignment horizontal="center" vertical="center" shrinkToFit="1"/>
    </xf>
    <xf numFmtId="0" fontId="56" fillId="0" borderId="4" xfId="115" applyFont="1" applyBorder="1" applyAlignment="1">
      <alignment horizontal="center" vertical="center" shrinkToFit="1"/>
    </xf>
    <xf numFmtId="0" fontId="56" fillId="0" borderId="40" xfId="115" applyFont="1" applyBorder="1" applyAlignment="1">
      <alignment horizontal="center" vertical="center" shrinkToFit="1"/>
    </xf>
    <xf numFmtId="0" fontId="56" fillId="0" borderId="0" xfId="115" applyFont="1" applyBorder="1" applyAlignment="1">
      <alignment horizontal="center" vertical="center" shrinkToFit="1"/>
    </xf>
    <xf numFmtId="0" fontId="6" fillId="0" borderId="0" xfId="259" applyFont="1" applyFill="1" applyBorder="1" applyAlignment="1">
      <alignment vertical="top" wrapText="1"/>
    </xf>
    <xf numFmtId="0" fontId="6" fillId="0" borderId="25" xfId="259" applyFont="1" applyFill="1" applyBorder="1" applyAlignment="1">
      <alignment vertical="top" wrapText="1"/>
    </xf>
    <xf numFmtId="0" fontId="6" fillId="0" borderId="0" xfId="259" applyFont="1" applyFill="1" applyBorder="1" applyAlignment="1">
      <alignment shrinkToFit="1"/>
    </xf>
    <xf numFmtId="0" fontId="6" fillId="0" borderId="61" xfId="259" applyFont="1" applyFill="1" applyBorder="1" applyAlignment="1">
      <alignment horizontal="center"/>
    </xf>
    <xf numFmtId="0" fontId="6" fillId="0" borderId="4" xfId="259" applyFont="1" applyFill="1" applyBorder="1" applyAlignment="1">
      <alignment horizontal="center"/>
    </xf>
    <xf numFmtId="0" fontId="6" fillId="0" borderId="40" xfId="259" applyFont="1" applyFill="1" applyBorder="1" applyAlignment="1">
      <alignment horizontal="center"/>
    </xf>
    <xf numFmtId="0" fontId="6" fillId="0" borderId="4" xfId="259" applyFont="1" applyFill="1" applyBorder="1" applyAlignment="1">
      <alignment horizontal="center" shrinkToFit="1"/>
    </xf>
    <xf numFmtId="0" fontId="6" fillId="0" borderId="26" xfId="259" applyFont="1" applyFill="1" applyBorder="1" applyAlignment="1">
      <alignment horizontal="center"/>
    </xf>
    <xf numFmtId="0" fontId="6" fillId="0" borderId="74" xfId="259" applyFont="1" applyFill="1" applyBorder="1" applyAlignment="1">
      <alignment horizontal="center"/>
    </xf>
    <xf numFmtId="0" fontId="6" fillId="0" borderId="75" xfId="259" applyFont="1" applyFill="1" applyBorder="1" applyAlignment="1">
      <alignment horizontal="center"/>
    </xf>
    <xf numFmtId="0" fontId="4" fillId="0" borderId="0" xfId="259" applyFont="1" applyFill="1" applyAlignment="1">
      <alignment shrinkToFit="1"/>
    </xf>
    <xf numFmtId="0" fontId="6" fillId="0" borderId="0" xfId="259" applyFont="1" applyFill="1" applyBorder="1" applyAlignment="1">
      <alignment horizontal="center" shrinkToFit="1"/>
    </xf>
    <xf numFmtId="0" fontId="6" fillId="0" borderId="0" xfId="259" applyFont="1" applyFill="1" applyBorder="1" applyAlignment="1">
      <alignment horizontal="left" shrinkToFit="1"/>
    </xf>
    <xf numFmtId="0" fontId="6" fillId="0" borderId="74" xfId="259" applyFont="1" applyFill="1" applyBorder="1" applyAlignment="1"/>
    <xf numFmtId="0" fontId="9" fillId="0" borderId="0" xfId="259" applyFont="1" applyFill="1" applyBorder="1" applyAlignment="1">
      <alignment shrinkToFit="1"/>
    </xf>
    <xf numFmtId="0" fontId="7" fillId="0" borderId="0" xfId="259" applyFont="1" applyFill="1" applyAlignment="1">
      <alignment shrinkToFit="1"/>
    </xf>
    <xf numFmtId="0" fontId="9" fillId="0" borderId="0" xfId="259" applyFont="1" applyFill="1" applyBorder="1" applyAlignment="1">
      <alignment horizontal="left"/>
    </xf>
    <xf numFmtId="0" fontId="9" fillId="0" borderId="0" xfId="260" applyFont="1" applyFill="1" applyBorder="1" applyAlignment="1">
      <alignment shrinkToFit="1"/>
    </xf>
    <xf numFmtId="0" fontId="6" fillId="0" borderId="26" xfId="259" applyFont="1" applyFill="1" applyBorder="1" applyAlignment="1">
      <alignment horizontal="center" wrapText="1"/>
    </xf>
    <xf numFmtId="0" fontId="6" fillId="0" borderId="24" xfId="259" applyFont="1" applyFill="1" applyBorder="1" applyAlignment="1">
      <alignment horizontal="center"/>
    </xf>
    <xf numFmtId="0" fontId="6" fillId="0" borderId="0" xfId="259" applyFont="1" applyFill="1" applyBorder="1" applyAlignment="1">
      <alignment horizontal="center"/>
    </xf>
    <xf numFmtId="0" fontId="6" fillId="0" borderId="25" xfId="259" applyFont="1" applyFill="1" applyBorder="1" applyAlignment="1">
      <alignment horizontal="center"/>
    </xf>
    <xf numFmtId="0" fontId="6" fillId="0" borderId="74" xfId="259" applyFont="1" applyFill="1" applyBorder="1" applyAlignment="1">
      <alignment shrinkToFit="1"/>
    </xf>
    <xf numFmtId="0" fontId="10" fillId="0" borderId="0" xfId="259" applyFont="1" applyFill="1" applyBorder="1" applyAlignment="1">
      <alignment vertical="center" wrapText="1"/>
    </xf>
    <xf numFmtId="0" fontId="10" fillId="0" borderId="25" xfId="259" applyFont="1" applyFill="1" applyBorder="1" applyAlignment="1">
      <alignment vertical="center" wrapText="1"/>
    </xf>
    <xf numFmtId="0" fontId="4" fillId="0" borderId="0" xfId="259" applyFont="1" applyFill="1" applyBorder="1" applyAlignment="1">
      <alignment vertical="center" wrapText="1"/>
    </xf>
    <xf numFmtId="0" fontId="4" fillId="0" borderId="25" xfId="259" applyFont="1" applyFill="1" applyBorder="1" applyAlignment="1">
      <alignment vertical="center" wrapText="1"/>
    </xf>
    <xf numFmtId="0" fontId="6" fillId="0" borderId="0" xfId="260" applyFont="1" applyFill="1" applyBorder="1" applyAlignment="1">
      <alignment shrinkToFit="1"/>
    </xf>
    <xf numFmtId="0" fontId="6" fillId="0" borderId="74" xfId="259" applyFont="1" applyFill="1" applyBorder="1" applyAlignment="1">
      <alignment horizontal="center" wrapText="1"/>
    </xf>
    <xf numFmtId="0" fontId="6" fillId="0" borderId="75" xfId="259" applyFont="1" applyFill="1" applyBorder="1" applyAlignment="1">
      <alignment horizontal="center" wrapText="1"/>
    </xf>
    <xf numFmtId="0" fontId="4" fillId="0" borderId="24" xfId="259" applyFont="1" applyFill="1" applyBorder="1" applyAlignment="1">
      <alignment horizontal="center" wrapText="1"/>
    </xf>
    <xf numFmtId="0" fontId="4" fillId="0" borderId="0" xfId="259" applyFont="1" applyFill="1" applyBorder="1" applyAlignment="1">
      <alignment horizontal="center" wrapText="1"/>
    </xf>
    <xf numFmtId="0" fontId="4" fillId="0" borderId="25" xfId="259" applyFont="1" applyFill="1" applyBorder="1" applyAlignment="1">
      <alignment horizontal="center" wrapText="1"/>
    </xf>
    <xf numFmtId="0" fontId="4" fillId="0" borderId="74" xfId="259" applyFont="1" applyFill="1" applyBorder="1" applyAlignment="1">
      <alignment horizontal="center"/>
    </xf>
    <xf numFmtId="0" fontId="4" fillId="0" borderId="75" xfId="259" applyFont="1" applyFill="1" applyBorder="1" applyAlignment="1">
      <alignment horizontal="center"/>
    </xf>
    <xf numFmtId="0" fontId="10" fillId="0" borderId="0" xfId="259" applyFont="1" applyFill="1" applyBorder="1" applyAlignment="1">
      <alignment shrinkToFit="1"/>
    </xf>
    <xf numFmtId="0" fontId="4" fillId="0" borderId="0" xfId="259" applyFont="1" applyFill="1" applyBorder="1" applyAlignment="1">
      <alignment shrinkToFit="1"/>
    </xf>
    <xf numFmtId="0" fontId="10" fillId="0" borderId="0" xfId="259" applyFont="1" applyFill="1" applyBorder="1" applyAlignment="1">
      <alignment vertical="top" wrapText="1"/>
    </xf>
    <xf numFmtId="0" fontId="4" fillId="0" borderId="0" xfId="259" applyFont="1" applyFill="1" applyBorder="1" applyAlignment="1">
      <alignment vertical="top" wrapText="1"/>
    </xf>
    <xf numFmtId="0" fontId="4" fillId="0" borderId="25" xfId="259" applyFont="1" applyFill="1" applyBorder="1" applyAlignment="1">
      <alignment vertical="top" wrapText="1"/>
    </xf>
    <xf numFmtId="0" fontId="96" fillId="0" borderId="0" xfId="259" applyFont="1" applyFill="1" applyBorder="1" applyAlignment="1">
      <alignment horizontal="center"/>
    </xf>
    <xf numFmtId="0" fontId="6" fillId="0" borderId="75" xfId="259" applyFont="1" applyFill="1" applyBorder="1" applyAlignment="1">
      <alignment shrinkToFit="1"/>
    </xf>
    <xf numFmtId="0" fontId="6" fillId="0" borderId="19" xfId="259" applyFont="1" applyFill="1" applyBorder="1" applyAlignment="1">
      <alignment shrinkToFit="1"/>
    </xf>
    <xf numFmtId="0" fontId="6" fillId="0" borderId="26" xfId="259" applyFont="1" applyFill="1" applyBorder="1" applyAlignment="1">
      <alignment shrinkToFit="1"/>
    </xf>
    <xf numFmtId="0" fontId="88" fillId="0" borderId="0" xfId="259" applyFont="1" applyFill="1" applyBorder="1" applyAlignment="1"/>
    <xf numFmtId="0" fontId="94" fillId="0" borderId="74" xfId="259" applyFont="1" applyFill="1" applyBorder="1" applyAlignment="1">
      <alignment horizontal="left" vertical="center" wrapText="1"/>
    </xf>
    <xf numFmtId="0" fontId="94" fillId="0" borderId="74" xfId="259" applyFont="1" applyFill="1" applyBorder="1" applyAlignment="1">
      <alignment horizontal="left" vertical="center"/>
    </xf>
    <xf numFmtId="0" fontId="94" fillId="0" borderId="75" xfId="259" applyFont="1" applyFill="1" applyBorder="1" applyAlignment="1">
      <alignment horizontal="left" vertical="center"/>
    </xf>
    <xf numFmtId="0" fontId="88" fillId="0" borderId="0" xfId="259" applyFont="1" applyFill="1" applyAlignment="1">
      <alignment vertical="top" wrapText="1"/>
    </xf>
    <xf numFmtId="0" fontId="6" fillId="0" borderId="0" xfId="259" applyFont="1" applyFill="1" applyBorder="1" applyAlignment="1"/>
  </cellXfs>
  <cellStyles count="262">
    <cellStyle name="??" xfId="1"/>
    <cellStyle name="?? [0.00]_PERSONAL" xfId="2"/>
    <cellStyle name="???? [0.00]_PERSONAL" xfId="3"/>
    <cellStyle name="????_PERSONAL" xfId="4"/>
    <cellStyle name="??_PERSONAL" xfId="5"/>
    <cellStyle name="=C:\WINDOWS\SYSTEM32\COMMAND.COM" xfId="6"/>
    <cellStyle name="・・ [0.00]" xfId="241"/>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1"/>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8"/>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89"/>
    <cellStyle name="STYL0 - ｽﾀｲﾙ1" xfId="190"/>
    <cellStyle name="STYL1" xfId="191"/>
    <cellStyle name="STYL1 - ｽﾀｲﾙ2" xfId="192"/>
    <cellStyle name="STYL2" xfId="193"/>
    <cellStyle name="STYL2 - ｽﾀｲﾙ3" xfId="194"/>
    <cellStyle name="STYL3" xfId="195"/>
    <cellStyle name="STYL3 - ｽﾀｲﾙ4" xfId="196"/>
    <cellStyle name="STYL4" xfId="197"/>
    <cellStyle name="STYL4 - ｽﾀｲﾙ5" xfId="198"/>
    <cellStyle name="STYL5" xfId="199"/>
    <cellStyle name="STYL5 - ｽﾀｲﾙ6" xfId="200"/>
    <cellStyle name="STYL6" xfId="201"/>
    <cellStyle name="STYL6 - ｽﾀｲﾙ7" xfId="202"/>
    <cellStyle name="STYL7" xfId="203"/>
    <cellStyle name="STYL7 - ｽﾀｲﾙ8" xfId="204"/>
    <cellStyle name="StyleName1" xfId="205"/>
    <cellStyle name="StyleName2" xfId="206"/>
    <cellStyle name="StyleName3" xfId="207"/>
    <cellStyle name="StyleName4" xfId="208"/>
    <cellStyle name="StyleName5" xfId="209"/>
    <cellStyle name="StyleName6" xfId="210"/>
    <cellStyle name="StyleName7" xfId="211"/>
    <cellStyle name="StyleName8" xfId="212"/>
    <cellStyle name="subhead" xfId="72"/>
    <cellStyle name="Text Indent A" xfId="73"/>
    <cellStyle name="Text Indent B" xfId="74"/>
    <cellStyle name="Text Indent C" xfId="75"/>
    <cellStyle name="title" xfId="141"/>
    <cellStyle name="TSUIKA" xfId="213"/>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2"/>
    <cellStyle name="下段_0" xfId="144"/>
    <cellStyle name="会社名" xfId="145"/>
    <cellStyle name="強調" xfId="146"/>
    <cellStyle name="金額" xfId="147"/>
    <cellStyle name="計算 2" xfId="96"/>
    <cellStyle name="警告文 2" xfId="97"/>
    <cellStyle name="桁・・・ [0.00]" xfId="242"/>
    <cellStyle name="桁蟻唇Ｆ [0.00]_laroux" xfId="234"/>
    <cellStyle name="桁蟻唇Ｆ_laroux" xfId="235"/>
    <cellStyle name="桁区切り" xfId="239" builtinId="6"/>
    <cellStyle name="桁区切り [0.0]" xfId="148"/>
    <cellStyle name="桁区切り 2" xfId="98"/>
    <cellStyle name="桁区切り 2 2" xfId="149"/>
    <cellStyle name="桁区切り 2 2 2" xfId="214"/>
    <cellStyle name="桁区切り 2 3" xfId="236"/>
    <cellStyle name="桁区切り 3" xfId="150"/>
    <cellStyle name="桁区切り 3 2" xfId="215"/>
    <cellStyle name="桁区切り 4" xfId="187"/>
    <cellStyle name="桁区切り 4 2" xfId="240"/>
    <cellStyle name="桁区切り 5" xfId="243"/>
    <cellStyle name="桁区切り 6" xfId="244"/>
    <cellStyle name="桁区切り 7" xfId="245"/>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6"/>
    <cellStyle name="細明朝　9" xfId="217"/>
    <cellStyle name="細明朝12" xfId="218"/>
    <cellStyle name="集計 2" xfId="106"/>
    <cellStyle name="縦下" xfId="219"/>
    <cellStyle name="縦上" xfId="220"/>
    <cellStyle name="縦中央" xfId="221"/>
    <cellStyle name="出力 2" xfId="107"/>
    <cellStyle name="小数点０位 [0]" xfId="173"/>
    <cellStyle name="小数点１位 [0.0]" xfId="174"/>
    <cellStyle name="小数点２位 [0.00]" xfId="175"/>
    <cellStyle name="小数点３位 [0.000]" xfId="176"/>
    <cellStyle name="小表題" xfId="177"/>
    <cellStyle name="上の原" xfId="108"/>
    <cellStyle name="上段_0" xfId="156"/>
    <cellStyle name="数量" xfId="157"/>
    <cellStyle name="数量計算" xfId="158"/>
    <cellStyle name="積算" xfId="159"/>
    <cellStyle name="設計用紙乙" xfId="246"/>
    <cellStyle name="設計用紙乙1" xfId="247"/>
    <cellStyle name="設計用紙乙2" xfId="248"/>
    <cellStyle name="設計用紙乙3" xfId="249"/>
    <cellStyle name="説明文 2" xfId="109"/>
    <cellStyle name="線細い" xfId="250"/>
    <cellStyle name="損料_書式" xfId="222"/>
    <cellStyle name="代価表_書式" xfId="223"/>
    <cellStyle name="大表題(12)" xfId="178"/>
    <cellStyle name="大表題(14)" xfId="179"/>
    <cellStyle name="大表題(16)" xfId="180"/>
    <cellStyle name="大表題(20)" xfId="181"/>
    <cellStyle name="脱浦 [0.00]_laroux" xfId="237"/>
    <cellStyle name="脱浦_laroux" xfId="238"/>
    <cellStyle name="帳票" xfId="160"/>
    <cellStyle name="通浦 [0.00]_laroux" xfId="110"/>
    <cellStyle name="通浦_laroux" xfId="111"/>
    <cellStyle name="通貨 2" xfId="161"/>
    <cellStyle name="日進量_書式" xfId="224"/>
    <cellStyle name="入力 2" xfId="112"/>
    <cellStyle name="年号" xfId="113"/>
    <cellStyle name="破線" xfId="162"/>
    <cellStyle name="非表示" xfId="114"/>
    <cellStyle name="標準" xfId="0" builtinId="0"/>
    <cellStyle name="標準 10" xfId="225"/>
    <cellStyle name="標準 11" xfId="226"/>
    <cellStyle name="標準 12" xfId="227"/>
    <cellStyle name="標準 13" xfId="251"/>
    <cellStyle name="標準 14" xfId="261"/>
    <cellStyle name="標準 2" xfId="115"/>
    <cellStyle name="標準 2 2" xfId="163"/>
    <cellStyle name="標準 2 2 2" xfId="182"/>
    <cellStyle name="標準 2 3" xfId="169"/>
    <cellStyle name="標準 2_三宅数量2号線" xfId="252"/>
    <cellStyle name="標準 3" xfId="116"/>
    <cellStyle name="標準 4" xfId="170"/>
    <cellStyle name="標準 4 2" xfId="183"/>
    <cellStyle name="標準 4 3" xfId="233"/>
    <cellStyle name="標準 4 4" xfId="253"/>
    <cellStyle name="標準 4 5" xfId="254"/>
    <cellStyle name="標準 4 6" xfId="255"/>
    <cellStyle name="標準 4_A号 内部水源地 機器明細書" xfId="256"/>
    <cellStyle name="標準 5" xfId="184"/>
    <cellStyle name="標準 5 2" xfId="186"/>
    <cellStyle name="標準 6" xfId="185"/>
    <cellStyle name="標準 7" xfId="228"/>
    <cellStyle name="標準 7 2" xfId="257"/>
    <cellStyle name="標準 8" xfId="229"/>
    <cellStyle name="標準 9" xfId="230"/>
    <cellStyle name="標準、罫線" xfId="231"/>
    <cellStyle name="標準_川島MP1設計書" xfId="259"/>
    <cellStyle name="標準_川島MP1設計書 2" xfId="260"/>
    <cellStyle name="標準_総括" xfId="117"/>
    <cellStyle name="標準_総括 2" xfId="258"/>
    <cellStyle name="標準２" xfId="164"/>
    <cellStyle name="標準A" xfId="165"/>
    <cellStyle name="標準Ａ" xfId="118"/>
    <cellStyle name="標準戻し" xfId="166"/>
    <cellStyle name="表１" xfId="232"/>
    <cellStyle name="表紙" xfId="167"/>
    <cellStyle name="別紙明細" xfId="168"/>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6.xml"/><Relationship Id="rId117" Type="http://schemas.openxmlformats.org/officeDocument/2006/relationships/externalLink" Target="externalLinks/externalLink107.xml"/><Relationship Id="rId21" Type="http://schemas.openxmlformats.org/officeDocument/2006/relationships/externalLink" Target="externalLinks/externalLink11.xml"/><Relationship Id="rId42" Type="http://schemas.openxmlformats.org/officeDocument/2006/relationships/externalLink" Target="externalLinks/externalLink32.xml"/><Relationship Id="rId47" Type="http://schemas.openxmlformats.org/officeDocument/2006/relationships/externalLink" Target="externalLinks/externalLink37.xml"/><Relationship Id="rId63" Type="http://schemas.openxmlformats.org/officeDocument/2006/relationships/externalLink" Target="externalLinks/externalLink53.xml"/><Relationship Id="rId68" Type="http://schemas.openxmlformats.org/officeDocument/2006/relationships/externalLink" Target="externalLinks/externalLink58.xml"/><Relationship Id="rId84" Type="http://schemas.openxmlformats.org/officeDocument/2006/relationships/externalLink" Target="externalLinks/externalLink74.xml"/><Relationship Id="rId89" Type="http://schemas.openxmlformats.org/officeDocument/2006/relationships/externalLink" Target="externalLinks/externalLink79.xml"/><Relationship Id="rId112" Type="http://schemas.openxmlformats.org/officeDocument/2006/relationships/externalLink" Target="externalLinks/externalLink102.xml"/><Relationship Id="rId16" Type="http://schemas.openxmlformats.org/officeDocument/2006/relationships/externalLink" Target="externalLinks/externalLink6.xml"/><Relationship Id="rId107" Type="http://schemas.openxmlformats.org/officeDocument/2006/relationships/externalLink" Target="externalLinks/externalLink97.xml"/><Relationship Id="rId11" Type="http://schemas.openxmlformats.org/officeDocument/2006/relationships/externalLink" Target="externalLinks/externalLink1.xml"/><Relationship Id="rId32" Type="http://schemas.openxmlformats.org/officeDocument/2006/relationships/externalLink" Target="externalLinks/externalLink22.xml"/><Relationship Id="rId37" Type="http://schemas.openxmlformats.org/officeDocument/2006/relationships/externalLink" Target="externalLinks/externalLink27.xml"/><Relationship Id="rId53" Type="http://schemas.openxmlformats.org/officeDocument/2006/relationships/externalLink" Target="externalLinks/externalLink43.xml"/><Relationship Id="rId58" Type="http://schemas.openxmlformats.org/officeDocument/2006/relationships/externalLink" Target="externalLinks/externalLink48.xml"/><Relationship Id="rId74" Type="http://schemas.openxmlformats.org/officeDocument/2006/relationships/externalLink" Target="externalLinks/externalLink64.xml"/><Relationship Id="rId79" Type="http://schemas.openxmlformats.org/officeDocument/2006/relationships/externalLink" Target="externalLinks/externalLink69.xml"/><Relationship Id="rId102" Type="http://schemas.openxmlformats.org/officeDocument/2006/relationships/externalLink" Target="externalLinks/externalLink92.xml"/><Relationship Id="rId123" Type="http://schemas.openxmlformats.org/officeDocument/2006/relationships/externalLink" Target="externalLinks/externalLink113.xml"/><Relationship Id="rId128" Type="http://schemas.openxmlformats.org/officeDocument/2006/relationships/theme" Target="theme/theme1.xml"/><Relationship Id="rId5" Type="http://schemas.openxmlformats.org/officeDocument/2006/relationships/worksheet" Target="worksheets/sheet5.xml"/><Relationship Id="rId90" Type="http://schemas.openxmlformats.org/officeDocument/2006/relationships/externalLink" Target="externalLinks/externalLink80.xml"/><Relationship Id="rId95" Type="http://schemas.openxmlformats.org/officeDocument/2006/relationships/externalLink" Target="externalLinks/externalLink85.xml"/><Relationship Id="rId19" Type="http://schemas.openxmlformats.org/officeDocument/2006/relationships/externalLink" Target="externalLinks/externalLink9.xml"/><Relationship Id="rId14" Type="http://schemas.openxmlformats.org/officeDocument/2006/relationships/externalLink" Target="externalLinks/externalLink4.xml"/><Relationship Id="rId22" Type="http://schemas.openxmlformats.org/officeDocument/2006/relationships/externalLink" Target="externalLinks/externalLink12.xml"/><Relationship Id="rId27" Type="http://schemas.openxmlformats.org/officeDocument/2006/relationships/externalLink" Target="externalLinks/externalLink17.xml"/><Relationship Id="rId30" Type="http://schemas.openxmlformats.org/officeDocument/2006/relationships/externalLink" Target="externalLinks/externalLink20.xml"/><Relationship Id="rId35" Type="http://schemas.openxmlformats.org/officeDocument/2006/relationships/externalLink" Target="externalLinks/externalLink25.xml"/><Relationship Id="rId43" Type="http://schemas.openxmlformats.org/officeDocument/2006/relationships/externalLink" Target="externalLinks/externalLink33.xml"/><Relationship Id="rId48" Type="http://schemas.openxmlformats.org/officeDocument/2006/relationships/externalLink" Target="externalLinks/externalLink38.xml"/><Relationship Id="rId56" Type="http://schemas.openxmlformats.org/officeDocument/2006/relationships/externalLink" Target="externalLinks/externalLink46.xml"/><Relationship Id="rId64" Type="http://schemas.openxmlformats.org/officeDocument/2006/relationships/externalLink" Target="externalLinks/externalLink54.xml"/><Relationship Id="rId69" Type="http://schemas.openxmlformats.org/officeDocument/2006/relationships/externalLink" Target="externalLinks/externalLink59.xml"/><Relationship Id="rId77" Type="http://schemas.openxmlformats.org/officeDocument/2006/relationships/externalLink" Target="externalLinks/externalLink67.xml"/><Relationship Id="rId100" Type="http://schemas.openxmlformats.org/officeDocument/2006/relationships/externalLink" Target="externalLinks/externalLink90.xml"/><Relationship Id="rId105" Type="http://schemas.openxmlformats.org/officeDocument/2006/relationships/externalLink" Target="externalLinks/externalLink95.xml"/><Relationship Id="rId113" Type="http://schemas.openxmlformats.org/officeDocument/2006/relationships/externalLink" Target="externalLinks/externalLink103.xml"/><Relationship Id="rId118" Type="http://schemas.openxmlformats.org/officeDocument/2006/relationships/externalLink" Target="externalLinks/externalLink108.xml"/><Relationship Id="rId126" Type="http://schemas.openxmlformats.org/officeDocument/2006/relationships/externalLink" Target="externalLinks/externalLink116.xml"/><Relationship Id="rId8" Type="http://schemas.openxmlformats.org/officeDocument/2006/relationships/worksheet" Target="worksheets/sheet8.xml"/><Relationship Id="rId51" Type="http://schemas.openxmlformats.org/officeDocument/2006/relationships/externalLink" Target="externalLinks/externalLink41.xml"/><Relationship Id="rId72" Type="http://schemas.openxmlformats.org/officeDocument/2006/relationships/externalLink" Target="externalLinks/externalLink62.xml"/><Relationship Id="rId80" Type="http://schemas.openxmlformats.org/officeDocument/2006/relationships/externalLink" Target="externalLinks/externalLink70.xml"/><Relationship Id="rId85" Type="http://schemas.openxmlformats.org/officeDocument/2006/relationships/externalLink" Target="externalLinks/externalLink75.xml"/><Relationship Id="rId93" Type="http://schemas.openxmlformats.org/officeDocument/2006/relationships/externalLink" Target="externalLinks/externalLink83.xml"/><Relationship Id="rId98" Type="http://schemas.openxmlformats.org/officeDocument/2006/relationships/externalLink" Target="externalLinks/externalLink88.xml"/><Relationship Id="rId121" Type="http://schemas.openxmlformats.org/officeDocument/2006/relationships/externalLink" Target="externalLinks/externalLink111.xml"/><Relationship Id="rId3" Type="http://schemas.openxmlformats.org/officeDocument/2006/relationships/worksheet" Target="worksheets/sheet3.xml"/><Relationship Id="rId12" Type="http://schemas.openxmlformats.org/officeDocument/2006/relationships/externalLink" Target="externalLinks/externalLink2.xml"/><Relationship Id="rId17" Type="http://schemas.openxmlformats.org/officeDocument/2006/relationships/externalLink" Target="externalLinks/externalLink7.xml"/><Relationship Id="rId25" Type="http://schemas.openxmlformats.org/officeDocument/2006/relationships/externalLink" Target="externalLinks/externalLink15.xml"/><Relationship Id="rId33" Type="http://schemas.openxmlformats.org/officeDocument/2006/relationships/externalLink" Target="externalLinks/externalLink23.xml"/><Relationship Id="rId38" Type="http://schemas.openxmlformats.org/officeDocument/2006/relationships/externalLink" Target="externalLinks/externalLink28.xml"/><Relationship Id="rId46" Type="http://schemas.openxmlformats.org/officeDocument/2006/relationships/externalLink" Target="externalLinks/externalLink36.xml"/><Relationship Id="rId59" Type="http://schemas.openxmlformats.org/officeDocument/2006/relationships/externalLink" Target="externalLinks/externalLink49.xml"/><Relationship Id="rId67" Type="http://schemas.openxmlformats.org/officeDocument/2006/relationships/externalLink" Target="externalLinks/externalLink57.xml"/><Relationship Id="rId103" Type="http://schemas.openxmlformats.org/officeDocument/2006/relationships/externalLink" Target="externalLinks/externalLink93.xml"/><Relationship Id="rId108" Type="http://schemas.openxmlformats.org/officeDocument/2006/relationships/externalLink" Target="externalLinks/externalLink98.xml"/><Relationship Id="rId116" Type="http://schemas.openxmlformats.org/officeDocument/2006/relationships/externalLink" Target="externalLinks/externalLink106.xml"/><Relationship Id="rId124" Type="http://schemas.openxmlformats.org/officeDocument/2006/relationships/externalLink" Target="externalLinks/externalLink114.xml"/><Relationship Id="rId129" Type="http://schemas.openxmlformats.org/officeDocument/2006/relationships/styles" Target="styles.xml"/><Relationship Id="rId20" Type="http://schemas.openxmlformats.org/officeDocument/2006/relationships/externalLink" Target="externalLinks/externalLink10.xml"/><Relationship Id="rId41" Type="http://schemas.openxmlformats.org/officeDocument/2006/relationships/externalLink" Target="externalLinks/externalLink31.xml"/><Relationship Id="rId54" Type="http://schemas.openxmlformats.org/officeDocument/2006/relationships/externalLink" Target="externalLinks/externalLink44.xml"/><Relationship Id="rId62" Type="http://schemas.openxmlformats.org/officeDocument/2006/relationships/externalLink" Target="externalLinks/externalLink52.xml"/><Relationship Id="rId70" Type="http://schemas.openxmlformats.org/officeDocument/2006/relationships/externalLink" Target="externalLinks/externalLink60.xml"/><Relationship Id="rId75" Type="http://schemas.openxmlformats.org/officeDocument/2006/relationships/externalLink" Target="externalLinks/externalLink65.xml"/><Relationship Id="rId83" Type="http://schemas.openxmlformats.org/officeDocument/2006/relationships/externalLink" Target="externalLinks/externalLink73.xml"/><Relationship Id="rId88" Type="http://schemas.openxmlformats.org/officeDocument/2006/relationships/externalLink" Target="externalLinks/externalLink78.xml"/><Relationship Id="rId91" Type="http://schemas.openxmlformats.org/officeDocument/2006/relationships/externalLink" Target="externalLinks/externalLink81.xml"/><Relationship Id="rId96" Type="http://schemas.openxmlformats.org/officeDocument/2006/relationships/externalLink" Target="externalLinks/externalLink86.xml"/><Relationship Id="rId111" Type="http://schemas.openxmlformats.org/officeDocument/2006/relationships/externalLink" Target="externalLinks/externalLink10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5.xml"/><Relationship Id="rId23" Type="http://schemas.openxmlformats.org/officeDocument/2006/relationships/externalLink" Target="externalLinks/externalLink13.xml"/><Relationship Id="rId28" Type="http://schemas.openxmlformats.org/officeDocument/2006/relationships/externalLink" Target="externalLinks/externalLink18.xml"/><Relationship Id="rId36" Type="http://schemas.openxmlformats.org/officeDocument/2006/relationships/externalLink" Target="externalLinks/externalLink26.xml"/><Relationship Id="rId49" Type="http://schemas.openxmlformats.org/officeDocument/2006/relationships/externalLink" Target="externalLinks/externalLink39.xml"/><Relationship Id="rId57" Type="http://schemas.openxmlformats.org/officeDocument/2006/relationships/externalLink" Target="externalLinks/externalLink47.xml"/><Relationship Id="rId106" Type="http://schemas.openxmlformats.org/officeDocument/2006/relationships/externalLink" Target="externalLinks/externalLink96.xml"/><Relationship Id="rId114" Type="http://schemas.openxmlformats.org/officeDocument/2006/relationships/externalLink" Target="externalLinks/externalLink104.xml"/><Relationship Id="rId119" Type="http://schemas.openxmlformats.org/officeDocument/2006/relationships/externalLink" Target="externalLinks/externalLink109.xml"/><Relationship Id="rId127" Type="http://schemas.openxmlformats.org/officeDocument/2006/relationships/externalLink" Target="externalLinks/externalLink117.xml"/><Relationship Id="rId10" Type="http://schemas.openxmlformats.org/officeDocument/2006/relationships/worksheet" Target="worksheets/sheet10.xml"/><Relationship Id="rId31" Type="http://schemas.openxmlformats.org/officeDocument/2006/relationships/externalLink" Target="externalLinks/externalLink21.xml"/><Relationship Id="rId44" Type="http://schemas.openxmlformats.org/officeDocument/2006/relationships/externalLink" Target="externalLinks/externalLink34.xml"/><Relationship Id="rId52" Type="http://schemas.openxmlformats.org/officeDocument/2006/relationships/externalLink" Target="externalLinks/externalLink42.xml"/><Relationship Id="rId60" Type="http://schemas.openxmlformats.org/officeDocument/2006/relationships/externalLink" Target="externalLinks/externalLink50.xml"/><Relationship Id="rId65" Type="http://schemas.openxmlformats.org/officeDocument/2006/relationships/externalLink" Target="externalLinks/externalLink55.xml"/><Relationship Id="rId73" Type="http://schemas.openxmlformats.org/officeDocument/2006/relationships/externalLink" Target="externalLinks/externalLink63.xml"/><Relationship Id="rId78" Type="http://schemas.openxmlformats.org/officeDocument/2006/relationships/externalLink" Target="externalLinks/externalLink68.xml"/><Relationship Id="rId81" Type="http://schemas.openxmlformats.org/officeDocument/2006/relationships/externalLink" Target="externalLinks/externalLink71.xml"/><Relationship Id="rId86" Type="http://schemas.openxmlformats.org/officeDocument/2006/relationships/externalLink" Target="externalLinks/externalLink76.xml"/><Relationship Id="rId94" Type="http://schemas.openxmlformats.org/officeDocument/2006/relationships/externalLink" Target="externalLinks/externalLink84.xml"/><Relationship Id="rId99" Type="http://schemas.openxmlformats.org/officeDocument/2006/relationships/externalLink" Target="externalLinks/externalLink89.xml"/><Relationship Id="rId101" Type="http://schemas.openxmlformats.org/officeDocument/2006/relationships/externalLink" Target="externalLinks/externalLink91.xml"/><Relationship Id="rId122" Type="http://schemas.openxmlformats.org/officeDocument/2006/relationships/externalLink" Target="externalLinks/externalLink112.xml"/><Relationship Id="rId13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externalLink" Target="externalLinks/externalLink3.xml"/><Relationship Id="rId18" Type="http://schemas.openxmlformats.org/officeDocument/2006/relationships/externalLink" Target="externalLinks/externalLink8.xml"/><Relationship Id="rId39" Type="http://schemas.openxmlformats.org/officeDocument/2006/relationships/externalLink" Target="externalLinks/externalLink29.xml"/><Relationship Id="rId109" Type="http://schemas.openxmlformats.org/officeDocument/2006/relationships/externalLink" Target="externalLinks/externalLink99.xml"/><Relationship Id="rId34" Type="http://schemas.openxmlformats.org/officeDocument/2006/relationships/externalLink" Target="externalLinks/externalLink24.xml"/><Relationship Id="rId50" Type="http://schemas.openxmlformats.org/officeDocument/2006/relationships/externalLink" Target="externalLinks/externalLink40.xml"/><Relationship Id="rId55" Type="http://schemas.openxmlformats.org/officeDocument/2006/relationships/externalLink" Target="externalLinks/externalLink45.xml"/><Relationship Id="rId76" Type="http://schemas.openxmlformats.org/officeDocument/2006/relationships/externalLink" Target="externalLinks/externalLink66.xml"/><Relationship Id="rId97" Type="http://schemas.openxmlformats.org/officeDocument/2006/relationships/externalLink" Target="externalLinks/externalLink87.xml"/><Relationship Id="rId104" Type="http://schemas.openxmlformats.org/officeDocument/2006/relationships/externalLink" Target="externalLinks/externalLink94.xml"/><Relationship Id="rId120" Type="http://schemas.openxmlformats.org/officeDocument/2006/relationships/externalLink" Target="externalLinks/externalLink110.xml"/><Relationship Id="rId125" Type="http://schemas.openxmlformats.org/officeDocument/2006/relationships/externalLink" Target="externalLinks/externalLink115.xml"/><Relationship Id="rId7" Type="http://schemas.openxmlformats.org/officeDocument/2006/relationships/worksheet" Target="worksheets/sheet7.xml"/><Relationship Id="rId71" Type="http://schemas.openxmlformats.org/officeDocument/2006/relationships/externalLink" Target="externalLinks/externalLink61.xml"/><Relationship Id="rId92" Type="http://schemas.openxmlformats.org/officeDocument/2006/relationships/externalLink" Target="externalLinks/externalLink82.xml"/><Relationship Id="rId2" Type="http://schemas.openxmlformats.org/officeDocument/2006/relationships/worksheet" Target="worksheets/sheet2.xml"/><Relationship Id="rId29" Type="http://schemas.openxmlformats.org/officeDocument/2006/relationships/externalLink" Target="externalLinks/externalLink19.xml"/><Relationship Id="rId24" Type="http://schemas.openxmlformats.org/officeDocument/2006/relationships/externalLink" Target="externalLinks/externalLink14.xml"/><Relationship Id="rId40" Type="http://schemas.openxmlformats.org/officeDocument/2006/relationships/externalLink" Target="externalLinks/externalLink30.xml"/><Relationship Id="rId45" Type="http://schemas.openxmlformats.org/officeDocument/2006/relationships/externalLink" Target="externalLinks/externalLink35.xml"/><Relationship Id="rId66" Type="http://schemas.openxmlformats.org/officeDocument/2006/relationships/externalLink" Target="externalLinks/externalLink56.xml"/><Relationship Id="rId87" Type="http://schemas.openxmlformats.org/officeDocument/2006/relationships/externalLink" Target="externalLinks/externalLink77.xml"/><Relationship Id="rId110" Type="http://schemas.openxmlformats.org/officeDocument/2006/relationships/externalLink" Target="externalLinks/externalLink100.xml"/><Relationship Id="rId115" Type="http://schemas.openxmlformats.org/officeDocument/2006/relationships/externalLink" Target="externalLinks/externalLink105.xml"/><Relationship Id="rId61" Type="http://schemas.openxmlformats.org/officeDocument/2006/relationships/externalLink" Target="externalLinks/externalLink51.xml"/><Relationship Id="rId82" Type="http://schemas.openxmlformats.org/officeDocument/2006/relationships/externalLink" Target="externalLinks/externalLink72.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checked="Checked"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checked="Checked"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checked="Checked" lockText="1" noThreeD="1"/>
</file>

<file path=xl/ctrlProps/ctrlProp249.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checked="Checked" lockText="1" noThreeD="1"/>
</file>

<file path=xl/ctrlProps/ctrlProp253.xml><?xml version="1.0" encoding="utf-8"?>
<formControlPr xmlns="http://schemas.microsoft.com/office/spreadsheetml/2009/9/main" objectType="CheckBox" checked="Checked" lockText="1" noThreeD="1"/>
</file>

<file path=xl/ctrlProps/ctrlProp254.xml><?xml version="1.0" encoding="utf-8"?>
<formControlPr xmlns="http://schemas.microsoft.com/office/spreadsheetml/2009/9/main" objectType="CheckBox" checked="Checked" lockText="1" noThreeD="1"/>
</file>

<file path=xl/ctrlProps/ctrlProp255.xml><?xml version="1.0" encoding="utf-8"?>
<formControlPr xmlns="http://schemas.microsoft.com/office/spreadsheetml/2009/9/main" objectType="CheckBox" checked="Checked"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60.xml><?xml version="1.0" encoding="utf-8"?>
<formControlPr xmlns="http://schemas.microsoft.com/office/spreadsheetml/2009/9/main" objectType="CheckBox" checked="Checked"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checked="Checked" lockText="1" noThreeD="1"/>
</file>

<file path=xl/ctrlProps/ctrlProp274.xml><?xml version="1.0" encoding="utf-8"?>
<formControlPr xmlns="http://schemas.microsoft.com/office/spreadsheetml/2009/9/main" objectType="CheckBox" checked="Checked" lockText="1" noThreeD="1"/>
</file>

<file path=xl/ctrlProps/ctrlProp275.xml><?xml version="1.0" encoding="utf-8"?>
<formControlPr xmlns="http://schemas.microsoft.com/office/spreadsheetml/2009/9/main" objectType="CheckBox" checked="Checked" lockText="1" noThreeD="1"/>
</file>

<file path=xl/ctrlProps/ctrlProp276.xml><?xml version="1.0" encoding="utf-8"?>
<formControlPr xmlns="http://schemas.microsoft.com/office/spreadsheetml/2009/9/main" objectType="CheckBox" checked="Checked"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checked="Checked"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checked="Checked"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checked="Checked"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checked="Checked"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checked="Checked" lockText="1" noThreeD="1"/>
</file>

<file path=xl/ctrlProps/ctrlProp365.xml><?xml version="1.0" encoding="utf-8"?>
<formControlPr xmlns="http://schemas.microsoft.com/office/spreadsheetml/2009/9/main" objectType="CheckBox" checked="Checked"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checked="Checked" lockText="1" noThreeD="1"/>
</file>

<file path=xl/ctrlProps/ctrlProp372.xml><?xml version="1.0" encoding="utf-8"?>
<formControlPr xmlns="http://schemas.microsoft.com/office/spreadsheetml/2009/9/main" objectType="CheckBox" checked="Checked"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checked="Checked" lockText="1" noThreeD="1"/>
</file>

<file path=xl/ctrlProps/ctrlProp376.xml><?xml version="1.0" encoding="utf-8"?>
<formControlPr xmlns="http://schemas.microsoft.com/office/spreadsheetml/2009/9/main" objectType="CheckBox" checked="Checked"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checked="Checked"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checked="Checked"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checked="Checked"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checked="Checked"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checked="Checked"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checked="Checked"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checked="Checked"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checked="Checked"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checked="Checked" lockText="1" noThreeD="1"/>
</file>

<file path=xl/ctrlProps/ctrlProp434.xml><?xml version="1.0" encoding="utf-8"?>
<formControlPr xmlns="http://schemas.microsoft.com/office/spreadsheetml/2009/9/main" objectType="CheckBox" checked="Checked"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checked="Checked"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lockText="1" noThreeD="1"/>
</file>

<file path=xl/ctrlProps/ctrlProp452.xml><?xml version="1.0" encoding="utf-8"?>
<formControlPr xmlns="http://schemas.microsoft.com/office/spreadsheetml/2009/9/main" objectType="CheckBox" checked="Checked"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lockText="1" noThreeD="1"/>
</file>

<file path=xl/ctrlProps/ctrlProp459.xml><?xml version="1.0" encoding="utf-8"?>
<formControlPr xmlns="http://schemas.microsoft.com/office/spreadsheetml/2009/9/main" objectType="CheckBox" checked="Checked"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lockText="1" noThreeD="1"/>
</file>

<file path=xl/ctrlProps/ctrlProp461.xml><?xml version="1.0" encoding="utf-8"?>
<formControlPr xmlns="http://schemas.microsoft.com/office/spreadsheetml/2009/9/main" objectType="CheckBox"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lockText="1" noThreeD="1"/>
</file>

<file path=xl/ctrlProps/ctrlProp464.xml><?xml version="1.0" encoding="utf-8"?>
<formControlPr xmlns="http://schemas.microsoft.com/office/spreadsheetml/2009/9/main" objectType="CheckBox" lockText="1" noThreeD="1"/>
</file>

<file path=xl/ctrlProps/ctrlProp465.xml><?xml version="1.0" encoding="utf-8"?>
<formControlPr xmlns="http://schemas.microsoft.com/office/spreadsheetml/2009/9/main" objectType="CheckBox" lockText="1" noThreeD="1"/>
</file>

<file path=xl/ctrlProps/ctrlProp466.xml><?xml version="1.0" encoding="utf-8"?>
<formControlPr xmlns="http://schemas.microsoft.com/office/spreadsheetml/2009/9/main" objectType="CheckBox" lockText="1" noThreeD="1"/>
</file>

<file path=xl/ctrlProps/ctrlProp467.xml><?xml version="1.0" encoding="utf-8"?>
<formControlPr xmlns="http://schemas.microsoft.com/office/spreadsheetml/2009/9/main" objectType="CheckBox" lockText="1" noThreeD="1"/>
</file>

<file path=xl/ctrlProps/ctrlProp468.xml><?xml version="1.0" encoding="utf-8"?>
<formControlPr xmlns="http://schemas.microsoft.com/office/spreadsheetml/2009/9/main" objectType="CheckBox" checked="Checked" lockText="1" noThreeD="1"/>
</file>

<file path=xl/ctrlProps/ctrlProp469.xml><?xml version="1.0" encoding="utf-8"?>
<formControlPr xmlns="http://schemas.microsoft.com/office/spreadsheetml/2009/9/main" objectType="CheckBox" checked="Checked"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checked="Checked"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checked="Checked" lockText="1" noThreeD="1"/>
</file>

<file path=xl/ctrlProps/ctrlProp474.xml><?xml version="1.0" encoding="utf-8"?>
<formControlPr xmlns="http://schemas.microsoft.com/office/spreadsheetml/2009/9/main" objectType="CheckBox" checked="Checked" lockText="1" noThreeD="1"/>
</file>

<file path=xl/ctrlProps/ctrlProp475.xml><?xml version="1.0" encoding="utf-8"?>
<formControlPr xmlns="http://schemas.microsoft.com/office/spreadsheetml/2009/9/main" objectType="CheckBox" lockText="1" noThreeD="1"/>
</file>

<file path=xl/ctrlProps/ctrlProp476.xml><?xml version="1.0" encoding="utf-8"?>
<formControlPr xmlns="http://schemas.microsoft.com/office/spreadsheetml/2009/9/main" objectType="CheckBox"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lockText="1" noThreeD="1"/>
</file>

<file path=xl/ctrlProps/ctrlProp479.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checked="Checked"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checked="Checked"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checked="Checked" lockText="1" noThreeD="1"/>
</file>

<file path=xl/ctrlProps/ctrlProp488.xml><?xml version="1.0" encoding="utf-8"?>
<formControlPr xmlns="http://schemas.microsoft.com/office/spreadsheetml/2009/9/main" objectType="CheckBox" checked="Checked" lockText="1" noThreeD="1"/>
</file>

<file path=xl/ctrlProps/ctrlProp489.xml><?xml version="1.0" encoding="utf-8"?>
<formControlPr xmlns="http://schemas.microsoft.com/office/spreadsheetml/2009/9/main" objectType="CheckBox" checked="Checked"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checked="Checked" lockText="1" noThreeD="1"/>
</file>

<file path=xl/ctrlProps/ctrlProp492.xml><?xml version="1.0" encoding="utf-8"?>
<formControlPr xmlns="http://schemas.microsoft.com/office/spreadsheetml/2009/9/main" objectType="CheckBox" lockText="1" noThreeD="1"/>
</file>

<file path=xl/ctrlProps/ctrlProp493.xml><?xml version="1.0" encoding="utf-8"?>
<formControlPr xmlns="http://schemas.microsoft.com/office/spreadsheetml/2009/9/main" objectType="CheckBox" lockText="1" noThreeD="1"/>
</file>

<file path=xl/ctrlProps/ctrlProp494.xml><?xml version="1.0" encoding="utf-8"?>
<formControlPr xmlns="http://schemas.microsoft.com/office/spreadsheetml/2009/9/main" objectType="CheckBox" lockText="1" noThreeD="1"/>
</file>

<file path=xl/ctrlProps/ctrlProp495.xml><?xml version="1.0" encoding="utf-8"?>
<formControlPr xmlns="http://schemas.microsoft.com/office/spreadsheetml/2009/9/main" objectType="CheckBox" checked="Checked" lockText="1" noThreeD="1"/>
</file>

<file path=xl/ctrlProps/ctrlProp496.xml><?xml version="1.0" encoding="utf-8"?>
<formControlPr xmlns="http://schemas.microsoft.com/office/spreadsheetml/2009/9/main" objectType="CheckBox" checked="Checked" lockText="1" noThreeD="1"/>
</file>

<file path=xl/ctrlProps/ctrlProp497.xml><?xml version="1.0" encoding="utf-8"?>
<formControlPr xmlns="http://schemas.microsoft.com/office/spreadsheetml/2009/9/main" objectType="CheckBox" checked="Checked" lockText="1" noThreeD="1"/>
</file>

<file path=xl/ctrlProps/ctrlProp498.xml><?xml version="1.0" encoding="utf-8"?>
<formControlPr xmlns="http://schemas.microsoft.com/office/spreadsheetml/2009/9/main" objectType="CheckBox" checked="Checked" lockText="1" noThreeD="1"/>
</file>

<file path=xl/ctrlProps/ctrlProp499.xml><?xml version="1.0" encoding="utf-8"?>
<formControlPr xmlns="http://schemas.microsoft.com/office/spreadsheetml/2009/9/main" objectType="CheckBox" checked="Checked" lockText="1" noThreeD="1"/>
</file>

<file path=xl/ctrlProps/ctrlProp5.xml><?xml version="1.0" encoding="utf-8"?>
<formControlPr xmlns="http://schemas.microsoft.com/office/spreadsheetml/2009/9/main" objectType="CheckBox" checked="Checked" lockText="1" noThreeD="1"/>
</file>

<file path=xl/ctrlProps/ctrlProp50.xml><?xml version="1.0" encoding="utf-8"?>
<formControlPr xmlns="http://schemas.microsoft.com/office/spreadsheetml/2009/9/main" objectType="CheckBox" lockText="1" noThreeD="1"/>
</file>

<file path=xl/ctrlProps/ctrlProp50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3074" name="Check Box 2" hidden="1">
              <a:extLst>
                <a:ext uri="{63B3BB69-23CF-44E3-9099-C40C66FF867C}">
                  <a14:compatExt spid="_x0000_s3074"/>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3075" name="Check Box 3" hidden="1">
              <a:extLst>
                <a:ext uri="{63B3BB69-23CF-44E3-9099-C40C66FF867C}">
                  <a14:compatExt spid="_x0000_s3075"/>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3076" name="Check Box 4" hidden="1">
              <a:extLst>
                <a:ext uri="{63B3BB69-23CF-44E3-9099-C40C66FF867C}">
                  <a14:compatExt spid="_x0000_s3076"/>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3077" name="Check Box 5" hidden="1">
              <a:extLst>
                <a:ext uri="{63B3BB69-23CF-44E3-9099-C40C66FF867C}">
                  <a14:compatExt spid="_x0000_s3077"/>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3078" name="Check Box 6" hidden="1">
              <a:extLst>
                <a:ext uri="{63B3BB69-23CF-44E3-9099-C40C66FF867C}">
                  <a14:compatExt spid="_x0000_s3078"/>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3079" name="Check Box 7" hidden="1">
              <a:extLst>
                <a:ext uri="{63B3BB69-23CF-44E3-9099-C40C66FF867C}">
                  <a14:compatExt spid="_x0000_s3079"/>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3080" name="Check Box 8" hidden="1">
              <a:extLst>
                <a:ext uri="{63B3BB69-23CF-44E3-9099-C40C66FF867C}">
                  <a14:compatExt spid="_x0000_s3080"/>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3081" name="Check Box 9" hidden="1">
              <a:extLst>
                <a:ext uri="{63B3BB69-23CF-44E3-9099-C40C66FF867C}">
                  <a14:compatExt spid="_x0000_s3081"/>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3082" name="Check Box 10" hidden="1">
              <a:extLst>
                <a:ext uri="{63B3BB69-23CF-44E3-9099-C40C66FF867C}">
                  <a14:compatExt spid="_x0000_s3082"/>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3083" name="Check Box 11" hidden="1">
              <a:extLst>
                <a:ext uri="{63B3BB69-23CF-44E3-9099-C40C66FF867C}">
                  <a14:compatExt spid="_x0000_s3083"/>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3084" name="Check Box 12" hidden="1">
              <a:extLst>
                <a:ext uri="{63B3BB69-23CF-44E3-9099-C40C66FF867C}">
                  <a14:compatExt spid="_x0000_s3084"/>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3085" name="Check Box 13" hidden="1">
              <a:extLst>
                <a:ext uri="{63B3BB69-23CF-44E3-9099-C40C66FF867C}">
                  <a14:compatExt spid="_x0000_s3085"/>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3086" name="Check Box 14" hidden="1">
              <a:extLst>
                <a:ext uri="{63B3BB69-23CF-44E3-9099-C40C66FF867C}">
                  <a14:compatExt spid="_x0000_s3086"/>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3087" name="Check Box 15" hidden="1">
              <a:extLst>
                <a:ext uri="{63B3BB69-23CF-44E3-9099-C40C66FF867C}">
                  <a14:compatExt spid="_x0000_s3087"/>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3088" name="Check Box 16" hidden="1">
              <a:extLst>
                <a:ext uri="{63B3BB69-23CF-44E3-9099-C40C66FF867C}">
                  <a14:compatExt spid="_x0000_s3088"/>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3089" name="Check Box 17" hidden="1">
              <a:extLst>
                <a:ext uri="{63B3BB69-23CF-44E3-9099-C40C66FF867C}">
                  <a14:compatExt spid="_x0000_s3089"/>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3090" name="Check Box 18" hidden="1">
              <a:extLst>
                <a:ext uri="{63B3BB69-23CF-44E3-9099-C40C66FF867C}">
                  <a14:compatExt spid="_x0000_s3090"/>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3091" name="Check Box 19" hidden="1">
              <a:extLst>
                <a:ext uri="{63B3BB69-23CF-44E3-9099-C40C66FF867C}">
                  <a14:compatExt spid="_x0000_s3091"/>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3092" name="Check Box 20" hidden="1">
              <a:extLst>
                <a:ext uri="{63B3BB69-23CF-44E3-9099-C40C66FF867C}">
                  <a14:compatExt spid="_x0000_s3092"/>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3093" name="Check Box 21" hidden="1">
              <a:extLst>
                <a:ext uri="{63B3BB69-23CF-44E3-9099-C40C66FF867C}">
                  <a14:compatExt spid="_x0000_s3093"/>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3094" name="Check Box 22" hidden="1">
              <a:extLst>
                <a:ext uri="{63B3BB69-23CF-44E3-9099-C40C66FF867C}">
                  <a14:compatExt spid="_x0000_s3094"/>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3095" name="Check Box 23" hidden="1">
              <a:extLst>
                <a:ext uri="{63B3BB69-23CF-44E3-9099-C40C66FF867C}">
                  <a14:compatExt spid="_x0000_s3095"/>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3096" name="Check Box 24" hidden="1">
              <a:extLst>
                <a:ext uri="{63B3BB69-23CF-44E3-9099-C40C66FF867C}">
                  <a14:compatExt spid="_x0000_s3096"/>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3097" name="Check Box 25" hidden="1">
              <a:extLst>
                <a:ext uri="{63B3BB69-23CF-44E3-9099-C40C66FF867C}">
                  <a14:compatExt spid="_x0000_s3097"/>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3098" name="Check Box 26" hidden="1">
              <a:extLst>
                <a:ext uri="{63B3BB69-23CF-44E3-9099-C40C66FF867C}">
                  <a14:compatExt spid="_x0000_s3098"/>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3099" name="Check Box 27" hidden="1">
              <a:extLst>
                <a:ext uri="{63B3BB69-23CF-44E3-9099-C40C66FF867C}">
                  <a14:compatExt spid="_x0000_s3099"/>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3100" name="Check Box 28" hidden="1">
              <a:extLst>
                <a:ext uri="{63B3BB69-23CF-44E3-9099-C40C66FF867C}">
                  <a14:compatExt spid="_x0000_s3100"/>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3101" name="Check Box 29" hidden="1">
              <a:extLst>
                <a:ext uri="{63B3BB69-23CF-44E3-9099-C40C66FF867C}">
                  <a14:compatExt spid="_x0000_s3101"/>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3102" name="Check Box 30" hidden="1">
              <a:extLst>
                <a:ext uri="{63B3BB69-23CF-44E3-9099-C40C66FF867C}">
                  <a14:compatExt spid="_x0000_s3102"/>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3103" name="Check Box 31" hidden="1">
              <a:extLst>
                <a:ext uri="{63B3BB69-23CF-44E3-9099-C40C66FF867C}">
                  <a14:compatExt spid="_x0000_s3103"/>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3104" name="Check Box 32" hidden="1">
              <a:extLst>
                <a:ext uri="{63B3BB69-23CF-44E3-9099-C40C66FF867C}">
                  <a14:compatExt spid="_x0000_s3104"/>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3105" name="Check Box 33" hidden="1">
              <a:extLst>
                <a:ext uri="{63B3BB69-23CF-44E3-9099-C40C66FF867C}">
                  <a14:compatExt spid="_x0000_s3105"/>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3106" name="Check Box 34" hidden="1">
              <a:extLst>
                <a:ext uri="{63B3BB69-23CF-44E3-9099-C40C66FF867C}">
                  <a14:compatExt spid="_x0000_s3106"/>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3107" name="Check Box 35" hidden="1">
              <a:extLst>
                <a:ext uri="{63B3BB69-23CF-44E3-9099-C40C66FF867C}">
                  <a14:compatExt spid="_x0000_s3107"/>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3108" name="Check Box 36" hidden="1">
              <a:extLst>
                <a:ext uri="{63B3BB69-23CF-44E3-9099-C40C66FF867C}">
                  <a14:compatExt spid="_x0000_s3108"/>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3109" name="Check Box 37" hidden="1">
              <a:extLst>
                <a:ext uri="{63B3BB69-23CF-44E3-9099-C40C66FF867C}">
                  <a14:compatExt spid="_x0000_s3109"/>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3110" name="Check Box 38" hidden="1">
              <a:extLst>
                <a:ext uri="{63B3BB69-23CF-44E3-9099-C40C66FF867C}">
                  <a14:compatExt spid="_x0000_s3110"/>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3111" name="Check Box 39" hidden="1">
              <a:extLst>
                <a:ext uri="{63B3BB69-23CF-44E3-9099-C40C66FF867C}">
                  <a14:compatExt spid="_x0000_s3111"/>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3112" name="Check Box 40" hidden="1">
              <a:extLst>
                <a:ext uri="{63B3BB69-23CF-44E3-9099-C40C66FF867C}">
                  <a14:compatExt spid="_x0000_s3112"/>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3113" name="Check Box 41" hidden="1">
              <a:extLst>
                <a:ext uri="{63B3BB69-23CF-44E3-9099-C40C66FF867C}">
                  <a14:compatExt spid="_x0000_s3113"/>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3114" name="Check Box 42" hidden="1">
              <a:extLst>
                <a:ext uri="{63B3BB69-23CF-44E3-9099-C40C66FF867C}">
                  <a14:compatExt spid="_x0000_s3114"/>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3115" name="Check Box 43" hidden="1">
              <a:extLst>
                <a:ext uri="{63B3BB69-23CF-44E3-9099-C40C66FF867C}">
                  <a14:compatExt spid="_x0000_s3115"/>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3116" name="Check Box 44" hidden="1">
              <a:extLst>
                <a:ext uri="{63B3BB69-23CF-44E3-9099-C40C66FF867C}">
                  <a14:compatExt spid="_x0000_s3116"/>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3117" name="Check Box 45" hidden="1">
              <a:extLst>
                <a:ext uri="{63B3BB69-23CF-44E3-9099-C40C66FF867C}">
                  <a14:compatExt spid="_x0000_s3117"/>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3118" name="Check Box 46" hidden="1">
              <a:extLst>
                <a:ext uri="{63B3BB69-23CF-44E3-9099-C40C66FF867C}">
                  <a14:compatExt spid="_x0000_s3118"/>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3119" name="Check Box 47" hidden="1">
              <a:extLst>
                <a:ext uri="{63B3BB69-23CF-44E3-9099-C40C66FF867C}">
                  <a14:compatExt spid="_x0000_s3119"/>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3120" name="Check Box 48" hidden="1">
              <a:extLst>
                <a:ext uri="{63B3BB69-23CF-44E3-9099-C40C66FF867C}">
                  <a14:compatExt spid="_x0000_s3120"/>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3121" name="Check Box 49" hidden="1">
              <a:extLst>
                <a:ext uri="{63B3BB69-23CF-44E3-9099-C40C66FF867C}">
                  <a14:compatExt spid="_x0000_s3121"/>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3122" name="Check Box 50" hidden="1">
              <a:extLst>
                <a:ext uri="{63B3BB69-23CF-44E3-9099-C40C66FF867C}">
                  <a14:compatExt spid="_x0000_s3122"/>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3123" name="Check Box 51" hidden="1">
              <a:extLst>
                <a:ext uri="{63B3BB69-23CF-44E3-9099-C40C66FF867C}">
                  <a14:compatExt spid="_x0000_s3123"/>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3124" name="Check Box 52" hidden="1">
              <a:extLst>
                <a:ext uri="{63B3BB69-23CF-44E3-9099-C40C66FF867C}">
                  <a14:compatExt spid="_x0000_s3124"/>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3125" name="Check Box 53" hidden="1">
              <a:extLst>
                <a:ext uri="{63B3BB69-23CF-44E3-9099-C40C66FF867C}">
                  <a14:compatExt spid="_x0000_s3125"/>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3126" name="Check Box 54" hidden="1">
              <a:extLst>
                <a:ext uri="{63B3BB69-23CF-44E3-9099-C40C66FF867C}">
                  <a14:compatExt spid="_x0000_s3126"/>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3127" name="Check Box 55" hidden="1">
              <a:extLst>
                <a:ext uri="{63B3BB69-23CF-44E3-9099-C40C66FF867C}">
                  <a14:compatExt spid="_x0000_s3127"/>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3128" name="Check Box 56" hidden="1">
              <a:extLst>
                <a:ext uri="{63B3BB69-23CF-44E3-9099-C40C66FF867C}">
                  <a14:compatExt spid="_x0000_s3128"/>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3129" name="Check Box 57" hidden="1">
              <a:extLst>
                <a:ext uri="{63B3BB69-23CF-44E3-9099-C40C66FF867C}">
                  <a14:compatExt spid="_x0000_s3129"/>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3130" name="Check Box 58" hidden="1">
              <a:extLst>
                <a:ext uri="{63B3BB69-23CF-44E3-9099-C40C66FF867C}">
                  <a14:compatExt spid="_x0000_s3130"/>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3131" name="Check Box 59" hidden="1">
              <a:extLst>
                <a:ext uri="{63B3BB69-23CF-44E3-9099-C40C66FF867C}">
                  <a14:compatExt spid="_x0000_s3131"/>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3132" name="Check Box 60" hidden="1">
              <a:extLst>
                <a:ext uri="{63B3BB69-23CF-44E3-9099-C40C66FF867C}">
                  <a14:compatExt spid="_x0000_s3132"/>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3133" name="Check Box 61" hidden="1">
              <a:extLst>
                <a:ext uri="{63B3BB69-23CF-44E3-9099-C40C66FF867C}">
                  <a14:compatExt spid="_x0000_s3133"/>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3134" name="Check Box 62" hidden="1">
              <a:extLst>
                <a:ext uri="{63B3BB69-23CF-44E3-9099-C40C66FF867C}">
                  <a14:compatExt spid="_x0000_s3134"/>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3135" name="Check Box 63" hidden="1">
              <a:extLst>
                <a:ext uri="{63B3BB69-23CF-44E3-9099-C40C66FF867C}">
                  <a14:compatExt spid="_x0000_s3135"/>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3136" name="Check Box 64" hidden="1">
              <a:extLst>
                <a:ext uri="{63B3BB69-23CF-44E3-9099-C40C66FF867C}">
                  <a14:compatExt spid="_x0000_s3136"/>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3137" name="Check Box 65" hidden="1">
              <a:extLst>
                <a:ext uri="{63B3BB69-23CF-44E3-9099-C40C66FF867C}">
                  <a14:compatExt spid="_x0000_s3137"/>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3138" name="Check Box 66" hidden="1">
              <a:extLst>
                <a:ext uri="{63B3BB69-23CF-44E3-9099-C40C66FF867C}">
                  <a14:compatExt spid="_x0000_s3138"/>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3139" name="Check Box 67" hidden="1">
              <a:extLst>
                <a:ext uri="{63B3BB69-23CF-44E3-9099-C40C66FF867C}">
                  <a14:compatExt spid="_x0000_s3139"/>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3140" name="Check Box 68" hidden="1">
              <a:extLst>
                <a:ext uri="{63B3BB69-23CF-44E3-9099-C40C66FF867C}">
                  <a14:compatExt spid="_x0000_s3140"/>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3141" name="Check Box 69" hidden="1">
              <a:extLst>
                <a:ext uri="{63B3BB69-23CF-44E3-9099-C40C66FF867C}">
                  <a14:compatExt spid="_x0000_s3141"/>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3142" name="Check Box 70" hidden="1">
              <a:extLst>
                <a:ext uri="{63B3BB69-23CF-44E3-9099-C40C66FF867C}">
                  <a14:compatExt spid="_x0000_s3142"/>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3143" name="Check Box 71" hidden="1">
              <a:extLst>
                <a:ext uri="{63B3BB69-23CF-44E3-9099-C40C66FF867C}">
                  <a14:compatExt spid="_x0000_s3143"/>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3144" name="Check Box 72" hidden="1">
              <a:extLst>
                <a:ext uri="{63B3BB69-23CF-44E3-9099-C40C66FF867C}">
                  <a14:compatExt spid="_x0000_s3144"/>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3145" name="Check Box 73" hidden="1">
              <a:extLst>
                <a:ext uri="{63B3BB69-23CF-44E3-9099-C40C66FF867C}">
                  <a14:compatExt spid="_x0000_s3145"/>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3146" name="Check Box 74" hidden="1">
              <a:extLst>
                <a:ext uri="{63B3BB69-23CF-44E3-9099-C40C66FF867C}">
                  <a14:compatExt spid="_x0000_s3146"/>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3147" name="Check Box 75" hidden="1">
              <a:extLst>
                <a:ext uri="{63B3BB69-23CF-44E3-9099-C40C66FF867C}">
                  <a14:compatExt spid="_x0000_s3147"/>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3148" name="Check Box 76" hidden="1">
              <a:extLst>
                <a:ext uri="{63B3BB69-23CF-44E3-9099-C40C66FF867C}">
                  <a14:compatExt spid="_x0000_s3148"/>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3149" name="Check Box 77" hidden="1">
              <a:extLst>
                <a:ext uri="{63B3BB69-23CF-44E3-9099-C40C66FF867C}">
                  <a14:compatExt spid="_x0000_s3149"/>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3150" name="Check Box 78" hidden="1">
              <a:extLst>
                <a:ext uri="{63B3BB69-23CF-44E3-9099-C40C66FF867C}">
                  <a14:compatExt spid="_x0000_s3150"/>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3151" name="Check Box 79" hidden="1">
              <a:extLst>
                <a:ext uri="{63B3BB69-23CF-44E3-9099-C40C66FF867C}">
                  <a14:compatExt spid="_x0000_s3151"/>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3152" name="Check Box 80" hidden="1">
              <a:extLst>
                <a:ext uri="{63B3BB69-23CF-44E3-9099-C40C66FF867C}">
                  <a14:compatExt spid="_x0000_s3152"/>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3153" name="Check Box 81" hidden="1">
              <a:extLst>
                <a:ext uri="{63B3BB69-23CF-44E3-9099-C40C66FF867C}">
                  <a14:compatExt spid="_x0000_s3153"/>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3154" name="Check Box 82" hidden="1">
              <a:extLst>
                <a:ext uri="{63B3BB69-23CF-44E3-9099-C40C66FF867C}">
                  <a14:compatExt spid="_x0000_s3154"/>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3155" name="Check Box 83" hidden="1">
              <a:extLst>
                <a:ext uri="{63B3BB69-23CF-44E3-9099-C40C66FF867C}">
                  <a14:compatExt spid="_x0000_s3155"/>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3156" name="Check Box 84" hidden="1">
              <a:extLst>
                <a:ext uri="{63B3BB69-23CF-44E3-9099-C40C66FF867C}">
                  <a14:compatExt spid="_x0000_s3156"/>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3157" name="Check Box 85" hidden="1">
              <a:extLst>
                <a:ext uri="{63B3BB69-23CF-44E3-9099-C40C66FF867C}">
                  <a14:compatExt spid="_x0000_s3157"/>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3158" name="Check Box 86" hidden="1">
              <a:extLst>
                <a:ext uri="{63B3BB69-23CF-44E3-9099-C40C66FF867C}">
                  <a14:compatExt spid="_x0000_s3158"/>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3159" name="Check Box 87" hidden="1">
              <a:extLst>
                <a:ext uri="{63B3BB69-23CF-44E3-9099-C40C66FF867C}">
                  <a14:compatExt spid="_x0000_s3159"/>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3160" name="Check Box 88" hidden="1">
              <a:extLst>
                <a:ext uri="{63B3BB69-23CF-44E3-9099-C40C66FF867C}">
                  <a14:compatExt spid="_x0000_s3160"/>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3161" name="Check Box 89" hidden="1">
              <a:extLst>
                <a:ext uri="{63B3BB69-23CF-44E3-9099-C40C66FF867C}">
                  <a14:compatExt spid="_x0000_s3161"/>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3162" name="Check Box 90" hidden="1">
              <a:extLst>
                <a:ext uri="{63B3BB69-23CF-44E3-9099-C40C66FF867C}">
                  <a14:compatExt spid="_x0000_s3162"/>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3163" name="Check Box 91" hidden="1">
              <a:extLst>
                <a:ext uri="{63B3BB69-23CF-44E3-9099-C40C66FF867C}">
                  <a14:compatExt spid="_x0000_s3163"/>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3164" name="Check Box 92" hidden="1">
              <a:extLst>
                <a:ext uri="{63B3BB69-23CF-44E3-9099-C40C66FF867C}">
                  <a14:compatExt spid="_x0000_s3164"/>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3165" name="Check Box 93" hidden="1">
              <a:extLst>
                <a:ext uri="{63B3BB69-23CF-44E3-9099-C40C66FF867C}">
                  <a14:compatExt spid="_x0000_s3165"/>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3166" name="Check Box 94" hidden="1">
              <a:extLst>
                <a:ext uri="{63B3BB69-23CF-44E3-9099-C40C66FF867C}">
                  <a14:compatExt spid="_x0000_s3166"/>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3167" name="Check Box 95" hidden="1">
              <a:extLst>
                <a:ext uri="{63B3BB69-23CF-44E3-9099-C40C66FF867C}">
                  <a14:compatExt spid="_x0000_s3167"/>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3168" name="Check Box 96" hidden="1">
              <a:extLst>
                <a:ext uri="{63B3BB69-23CF-44E3-9099-C40C66FF867C}">
                  <a14:compatExt spid="_x0000_s3168"/>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3169" name="Check Box 97" hidden="1">
              <a:extLst>
                <a:ext uri="{63B3BB69-23CF-44E3-9099-C40C66FF867C}">
                  <a14:compatExt spid="_x0000_s3169"/>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3170" name="Check Box 98" hidden="1">
              <a:extLst>
                <a:ext uri="{63B3BB69-23CF-44E3-9099-C40C66FF867C}">
                  <a14:compatExt spid="_x0000_s3170"/>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3171" name="Check Box 99" hidden="1">
              <a:extLst>
                <a:ext uri="{63B3BB69-23CF-44E3-9099-C40C66FF867C}">
                  <a14:compatExt spid="_x0000_s3171"/>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3172" name="Check Box 100" hidden="1">
              <a:extLst>
                <a:ext uri="{63B3BB69-23CF-44E3-9099-C40C66FF867C}">
                  <a14:compatExt spid="_x0000_s3172"/>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3173" name="Check Box 101" hidden="1">
              <a:extLst>
                <a:ext uri="{63B3BB69-23CF-44E3-9099-C40C66FF867C}">
                  <a14:compatExt spid="_x0000_s3173"/>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3174" name="Check Box 102" hidden="1">
              <a:extLst>
                <a:ext uri="{63B3BB69-23CF-44E3-9099-C40C66FF867C}">
                  <a14:compatExt spid="_x0000_s3174"/>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3175" name="Check Box 103" hidden="1">
              <a:extLst>
                <a:ext uri="{63B3BB69-23CF-44E3-9099-C40C66FF867C}">
                  <a14:compatExt spid="_x0000_s3175"/>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3176" name="Check Box 104" hidden="1">
              <a:extLst>
                <a:ext uri="{63B3BB69-23CF-44E3-9099-C40C66FF867C}">
                  <a14:compatExt spid="_x0000_s3176"/>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3177" name="Check Box 105" hidden="1">
              <a:extLst>
                <a:ext uri="{63B3BB69-23CF-44E3-9099-C40C66FF867C}">
                  <a14:compatExt spid="_x0000_s3177"/>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3178" name="Check Box 106" hidden="1">
              <a:extLst>
                <a:ext uri="{63B3BB69-23CF-44E3-9099-C40C66FF867C}">
                  <a14:compatExt spid="_x0000_s3178"/>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3179" name="Check Box 107" hidden="1">
              <a:extLst>
                <a:ext uri="{63B3BB69-23CF-44E3-9099-C40C66FF867C}">
                  <a14:compatExt spid="_x0000_s3179"/>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3180" name="Check Box 108" hidden="1">
              <a:extLst>
                <a:ext uri="{63B3BB69-23CF-44E3-9099-C40C66FF867C}">
                  <a14:compatExt spid="_x0000_s3180"/>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3181" name="Check Box 109" hidden="1">
              <a:extLst>
                <a:ext uri="{63B3BB69-23CF-44E3-9099-C40C66FF867C}">
                  <a14:compatExt spid="_x0000_s3181"/>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3182" name="Check Box 110" hidden="1">
              <a:extLst>
                <a:ext uri="{63B3BB69-23CF-44E3-9099-C40C66FF867C}">
                  <a14:compatExt spid="_x0000_s3182"/>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3183" name="Check Box 111" hidden="1">
              <a:extLst>
                <a:ext uri="{63B3BB69-23CF-44E3-9099-C40C66FF867C}">
                  <a14:compatExt spid="_x0000_s3183"/>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3184" name="Check Box 112" hidden="1">
              <a:extLst>
                <a:ext uri="{63B3BB69-23CF-44E3-9099-C40C66FF867C}">
                  <a14:compatExt spid="_x0000_s3184"/>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3185" name="Check Box 113" hidden="1">
              <a:extLst>
                <a:ext uri="{63B3BB69-23CF-44E3-9099-C40C66FF867C}">
                  <a14:compatExt spid="_x0000_s3185"/>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3186" name="Check Box 114" hidden="1">
              <a:extLst>
                <a:ext uri="{63B3BB69-23CF-44E3-9099-C40C66FF867C}">
                  <a14:compatExt spid="_x0000_s3186"/>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3187" name="Check Box 115" hidden="1">
              <a:extLst>
                <a:ext uri="{63B3BB69-23CF-44E3-9099-C40C66FF867C}">
                  <a14:compatExt spid="_x0000_s3187"/>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3188" name="Check Box 116" hidden="1">
              <a:extLst>
                <a:ext uri="{63B3BB69-23CF-44E3-9099-C40C66FF867C}">
                  <a14:compatExt spid="_x0000_s3188"/>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3189" name="Check Box 117" hidden="1">
              <a:extLst>
                <a:ext uri="{63B3BB69-23CF-44E3-9099-C40C66FF867C}">
                  <a14:compatExt spid="_x0000_s3189"/>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3190" name="Check Box 118" hidden="1">
              <a:extLst>
                <a:ext uri="{63B3BB69-23CF-44E3-9099-C40C66FF867C}">
                  <a14:compatExt spid="_x0000_s3190"/>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3191" name="Check Box 119" hidden="1">
              <a:extLst>
                <a:ext uri="{63B3BB69-23CF-44E3-9099-C40C66FF867C}">
                  <a14:compatExt spid="_x0000_s3191"/>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3192" name="Check Box 120" hidden="1">
              <a:extLst>
                <a:ext uri="{63B3BB69-23CF-44E3-9099-C40C66FF867C}">
                  <a14:compatExt spid="_x0000_s3192"/>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3193" name="Check Box 121" hidden="1">
              <a:extLst>
                <a:ext uri="{63B3BB69-23CF-44E3-9099-C40C66FF867C}">
                  <a14:compatExt spid="_x0000_s3193"/>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3194" name="Check Box 122" hidden="1">
              <a:extLst>
                <a:ext uri="{63B3BB69-23CF-44E3-9099-C40C66FF867C}">
                  <a14:compatExt spid="_x0000_s3194"/>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3195" name="Check Box 123" hidden="1">
              <a:extLst>
                <a:ext uri="{63B3BB69-23CF-44E3-9099-C40C66FF867C}">
                  <a14:compatExt spid="_x0000_s3195"/>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3196" name="Check Box 124" hidden="1">
              <a:extLst>
                <a:ext uri="{63B3BB69-23CF-44E3-9099-C40C66FF867C}">
                  <a14:compatExt spid="_x0000_s3196"/>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3197" name="Check Box 125" hidden="1">
              <a:extLst>
                <a:ext uri="{63B3BB69-23CF-44E3-9099-C40C66FF867C}">
                  <a14:compatExt spid="_x0000_s3197"/>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3198" name="Check Box 126" hidden="1">
              <a:extLst>
                <a:ext uri="{63B3BB69-23CF-44E3-9099-C40C66FF867C}">
                  <a14:compatExt spid="_x0000_s3198"/>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3199" name="Check Box 127" hidden="1">
              <a:extLst>
                <a:ext uri="{63B3BB69-23CF-44E3-9099-C40C66FF867C}">
                  <a14:compatExt spid="_x0000_s3199"/>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3200" name="Check Box 128" hidden="1">
              <a:extLst>
                <a:ext uri="{63B3BB69-23CF-44E3-9099-C40C66FF867C}">
                  <a14:compatExt spid="_x0000_s3200"/>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3201" name="Check Box 129" hidden="1">
              <a:extLst>
                <a:ext uri="{63B3BB69-23CF-44E3-9099-C40C66FF867C}">
                  <a14:compatExt spid="_x0000_s3201"/>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3202" name="Check Box 130" hidden="1">
              <a:extLst>
                <a:ext uri="{63B3BB69-23CF-44E3-9099-C40C66FF867C}">
                  <a14:compatExt spid="_x0000_s3202"/>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3203" name="Check Box 131" hidden="1">
              <a:extLst>
                <a:ext uri="{63B3BB69-23CF-44E3-9099-C40C66FF867C}">
                  <a14:compatExt spid="_x0000_s3203"/>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3204" name="Check Box 132" hidden="1">
              <a:extLst>
                <a:ext uri="{63B3BB69-23CF-44E3-9099-C40C66FF867C}">
                  <a14:compatExt spid="_x0000_s3204"/>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3205" name="Check Box 133" hidden="1">
              <a:extLst>
                <a:ext uri="{63B3BB69-23CF-44E3-9099-C40C66FF867C}">
                  <a14:compatExt spid="_x0000_s3205"/>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3206" name="Check Box 134" hidden="1">
              <a:extLst>
                <a:ext uri="{63B3BB69-23CF-44E3-9099-C40C66FF867C}">
                  <a14:compatExt spid="_x0000_s3206"/>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3207" name="Check Box 135" hidden="1">
              <a:extLst>
                <a:ext uri="{63B3BB69-23CF-44E3-9099-C40C66FF867C}">
                  <a14:compatExt spid="_x0000_s3207"/>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3208" name="Check Box 136" hidden="1">
              <a:extLst>
                <a:ext uri="{63B3BB69-23CF-44E3-9099-C40C66FF867C}">
                  <a14:compatExt spid="_x0000_s3208"/>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3209" name="Check Box 137" hidden="1">
              <a:extLst>
                <a:ext uri="{63B3BB69-23CF-44E3-9099-C40C66FF867C}">
                  <a14:compatExt spid="_x0000_s3209"/>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3210" name="Check Box 138" hidden="1">
              <a:extLst>
                <a:ext uri="{63B3BB69-23CF-44E3-9099-C40C66FF867C}">
                  <a14:compatExt spid="_x0000_s3210"/>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3211" name="Check Box 139" hidden="1">
              <a:extLst>
                <a:ext uri="{63B3BB69-23CF-44E3-9099-C40C66FF867C}">
                  <a14:compatExt spid="_x0000_s3211"/>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3212" name="Check Box 140" hidden="1">
              <a:extLst>
                <a:ext uri="{63B3BB69-23CF-44E3-9099-C40C66FF867C}">
                  <a14:compatExt spid="_x0000_s3212"/>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3213" name="Check Box 141" hidden="1">
              <a:extLst>
                <a:ext uri="{63B3BB69-23CF-44E3-9099-C40C66FF867C}">
                  <a14:compatExt spid="_x0000_s3213"/>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3214" name="Check Box 142" hidden="1">
              <a:extLst>
                <a:ext uri="{63B3BB69-23CF-44E3-9099-C40C66FF867C}">
                  <a14:compatExt spid="_x0000_s3214"/>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3215" name="Check Box 143" hidden="1">
              <a:extLst>
                <a:ext uri="{63B3BB69-23CF-44E3-9099-C40C66FF867C}">
                  <a14:compatExt spid="_x0000_s3215"/>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3216" name="Check Box 144" hidden="1">
              <a:extLst>
                <a:ext uri="{63B3BB69-23CF-44E3-9099-C40C66FF867C}">
                  <a14:compatExt spid="_x0000_s3216"/>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3217" name="Check Box 145" hidden="1">
              <a:extLst>
                <a:ext uri="{63B3BB69-23CF-44E3-9099-C40C66FF867C}">
                  <a14:compatExt spid="_x0000_s3217"/>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3218" name="Check Box 146" hidden="1">
              <a:extLst>
                <a:ext uri="{63B3BB69-23CF-44E3-9099-C40C66FF867C}">
                  <a14:compatExt spid="_x0000_s3218"/>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3219" name="Check Box 147" hidden="1">
              <a:extLst>
                <a:ext uri="{63B3BB69-23CF-44E3-9099-C40C66FF867C}">
                  <a14:compatExt spid="_x0000_s3219"/>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3220" name="Check Box 148" hidden="1">
              <a:extLst>
                <a:ext uri="{63B3BB69-23CF-44E3-9099-C40C66FF867C}">
                  <a14:compatExt spid="_x0000_s3220"/>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3221" name="Check Box 149" hidden="1">
              <a:extLst>
                <a:ext uri="{63B3BB69-23CF-44E3-9099-C40C66FF867C}">
                  <a14:compatExt spid="_x0000_s3221"/>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3222" name="Check Box 150" hidden="1">
              <a:extLst>
                <a:ext uri="{63B3BB69-23CF-44E3-9099-C40C66FF867C}">
                  <a14:compatExt spid="_x0000_s3222"/>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3223" name="Check Box 151" hidden="1">
              <a:extLst>
                <a:ext uri="{63B3BB69-23CF-44E3-9099-C40C66FF867C}">
                  <a14:compatExt spid="_x0000_s3223"/>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3224" name="Check Box 152" hidden="1">
              <a:extLst>
                <a:ext uri="{63B3BB69-23CF-44E3-9099-C40C66FF867C}">
                  <a14:compatExt spid="_x0000_s3224"/>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3225" name="Check Box 153" hidden="1">
              <a:extLst>
                <a:ext uri="{63B3BB69-23CF-44E3-9099-C40C66FF867C}">
                  <a14:compatExt spid="_x0000_s3225"/>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3226" name="Check Box 154" hidden="1">
              <a:extLst>
                <a:ext uri="{63B3BB69-23CF-44E3-9099-C40C66FF867C}">
                  <a14:compatExt spid="_x0000_s3226"/>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3227" name="Check Box 155" hidden="1">
              <a:extLst>
                <a:ext uri="{63B3BB69-23CF-44E3-9099-C40C66FF867C}">
                  <a14:compatExt spid="_x0000_s3227"/>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3228" name="Check Box 156" hidden="1">
              <a:extLst>
                <a:ext uri="{63B3BB69-23CF-44E3-9099-C40C66FF867C}">
                  <a14:compatExt spid="_x0000_s3228"/>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3229" name="Check Box 157" hidden="1">
              <a:extLst>
                <a:ext uri="{63B3BB69-23CF-44E3-9099-C40C66FF867C}">
                  <a14:compatExt spid="_x0000_s3229"/>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3230" name="Check Box 158" hidden="1">
              <a:extLst>
                <a:ext uri="{63B3BB69-23CF-44E3-9099-C40C66FF867C}">
                  <a14:compatExt spid="_x0000_s3230"/>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3231" name="Check Box 159" hidden="1">
              <a:extLst>
                <a:ext uri="{63B3BB69-23CF-44E3-9099-C40C66FF867C}">
                  <a14:compatExt spid="_x0000_s3231"/>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3232" name="Check Box 160" hidden="1">
              <a:extLst>
                <a:ext uri="{63B3BB69-23CF-44E3-9099-C40C66FF867C}">
                  <a14:compatExt spid="_x0000_s3232"/>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3233" name="Check Box 161" hidden="1">
              <a:extLst>
                <a:ext uri="{63B3BB69-23CF-44E3-9099-C40C66FF867C}">
                  <a14:compatExt spid="_x0000_s3233"/>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3234" name="Check Box 162" hidden="1">
              <a:extLst>
                <a:ext uri="{63B3BB69-23CF-44E3-9099-C40C66FF867C}">
                  <a14:compatExt spid="_x0000_s3234"/>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3235" name="Check Box 163" hidden="1">
              <a:extLst>
                <a:ext uri="{63B3BB69-23CF-44E3-9099-C40C66FF867C}">
                  <a14:compatExt spid="_x0000_s3235"/>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3236" name="Check Box 164" hidden="1">
              <a:extLst>
                <a:ext uri="{63B3BB69-23CF-44E3-9099-C40C66FF867C}">
                  <a14:compatExt spid="_x0000_s3236"/>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3237" name="Check Box 165" hidden="1">
              <a:extLst>
                <a:ext uri="{63B3BB69-23CF-44E3-9099-C40C66FF867C}">
                  <a14:compatExt spid="_x0000_s3237"/>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3238" name="Check Box 166" hidden="1">
              <a:extLst>
                <a:ext uri="{63B3BB69-23CF-44E3-9099-C40C66FF867C}">
                  <a14:compatExt spid="_x0000_s3238"/>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3239" name="Check Box 167" hidden="1">
              <a:extLst>
                <a:ext uri="{63B3BB69-23CF-44E3-9099-C40C66FF867C}">
                  <a14:compatExt spid="_x0000_s3239"/>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3240" name="Check Box 168" hidden="1">
              <a:extLst>
                <a:ext uri="{63B3BB69-23CF-44E3-9099-C40C66FF867C}">
                  <a14:compatExt spid="_x0000_s3240"/>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3241" name="Check Box 169" hidden="1">
              <a:extLst>
                <a:ext uri="{63B3BB69-23CF-44E3-9099-C40C66FF867C}">
                  <a14:compatExt spid="_x0000_s3241"/>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3242" name="Check Box 170" hidden="1">
              <a:extLst>
                <a:ext uri="{63B3BB69-23CF-44E3-9099-C40C66FF867C}">
                  <a14:compatExt spid="_x0000_s3242"/>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3243" name="Check Box 171" hidden="1">
              <a:extLst>
                <a:ext uri="{63B3BB69-23CF-44E3-9099-C40C66FF867C}">
                  <a14:compatExt spid="_x0000_s3243"/>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3244" name="Check Box 172" hidden="1">
              <a:extLst>
                <a:ext uri="{63B3BB69-23CF-44E3-9099-C40C66FF867C}">
                  <a14:compatExt spid="_x0000_s3244"/>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3245" name="Check Box 173" hidden="1">
              <a:extLst>
                <a:ext uri="{63B3BB69-23CF-44E3-9099-C40C66FF867C}">
                  <a14:compatExt spid="_x0000_s3245"/>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3246" name="Check Box 174" hidden="1">
              <a:extLst>
                <a:ext uri="{63B3BB69-23CF-44E3-9099-C40C66FF867C}">
                  <a14:compatExt spid="_x0000_s3246"/>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3247" name="Check Box 175" hidden="1">
              <a:extLst>
                <a:ext uri="{63B3BB69-23CF-44E3-9099-C40C66FF867C}">
                  <a14:compatExt spid="_x0000_s3247"/>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3248" name="Check Box 176" hidden="1">
              <a:extLst>
                <a:ext uri="{63B3BB69-23CF-44E3-9099-C40C66FF867C}">
                  <a14:compatExt spid="_x0000_s3248"/>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3249" name="Check Box 177" hidden="1">
              <a:extLst>
                <a:ext uri="{63B3BB69-23CF-44E3-9099-C40C66FF867C}">
                  <a14:compatExt spid="_x0000_s3249"/>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3250" name="Check Box 178" hidden="1">
              <a:extLst>
                <a:ext uri="{63B3BB69-23CF-44E3-9099-C40C66FF867C}">
                  <a14:compatExt spid="_x0000_s3250"/>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3251" name="Check Box 179" hidden="1">
              <a:extLst>
                <a:ext uri="{63B3BB69-23CF-44E3-9099-C40C66FF867C}">
                  <a14:compatExt spid="_x0000_s3251"/>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3252" name="Check Box 180" hidden="1">
              <a:extLst>
                <a:ext uri="{63B3BB69-23CF-44E3-9099-C40C66FF867C}">
                  <a14:compatExt spid="_x0000_s3252"/>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3253" name="Check Box 181" hidden="1">
              <a:extLst>
                <a:ext uri="{63B3BB69-23CF-44E3-9099-C40C66FF867C}">
                  <a14:compatExt spid="_x0000_s3253"/>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3254" name="Check Box 182" hidden="1">
              <a:extLst>
                <a:ext uri="{63B3BB69-23CF-44E3-9099-C40C66FF867C}">
                  <a14:compatExt spid="_x0000_s3254"/>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3255" name="Check Box 183" hidden="1">
              <a:extLst>
                <a:ext uri="{63B3BB69-23CF-44E3-9099-C40C66FF867C}">
                  <a14:compatExt spid="_x0000_s3255"/>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3256" name="Check Box 184" hidden="1">
              <a:extLst>
                <a:ext uri="{63B3BB69-23CF-44E3-9099-C40C66FF867C}">
                  <a14:compatExt spid="_x0000_s3256"/>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3257" name="Check Box 185" hidden="1">
              <a:extLst>
                <a:ext uri="{63B3BB69-23CF-44E3-9099-C40C66FF867C}">
                  <a14:compatExt spid="_x0000_s3257"/>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3258" name="Check Box 186" hidden="1">
              <a:extLst>
                <a:ext uri="{63B3BB69-23CF-44E3-9099-C40C66FF867C}">
                  <a14:compatExt spid="_x0000_s3258"/>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3259" name="Check Box 187" hidden="1">
              <a:extLst>
                <a:ext uri="{63B3BB69-23CF-44E3-9099-C40C66FF867C}">
                  <a14:compatExt spid="_x0000_s3259"/>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3260" name="Check Box 188" hidden="1">
              <a:extLst>
                <a:ext uri="{63B3BB69-23CF-44E3-9099-C40C66FF867C}">
                  <a14:compatExt spid="_x0000_s3260"/>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3261" name="Check Box 189" hidden="1">
              <a:extLst>
                <a:ext uri="{63B3BB69-23CF-44E3-9099-C40C66FF867C}">
                  <a14:compatExt spid="_x0000_s3261"/>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3262" name="Check Box 190" hidden="1">
              <a:extLst>
                <a:ext uri="{63B3BB69-23CF-44E3-9099-C40C66FF867C}">
                  <a14:compatExt spid="_x0000_s3262"/>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3263" name="Check Box 191" hidden="1">
              <a:extLst>
                <a:ext uri="{63B3BB69-23CF-44E3-9099-C40C66FF867C}">
                  <a14:compatExt spid="_x0000_s3263"/>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3264" name="Check Box 192" hidden="1">
              <a:extLst>
                <a:ext uri="{63B3BB69-23CF-44E3-9099-C40C66FF867C}">
                  <a14:compatExt spid="_x0000_s3264"/>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3265" name="Check Box 193" hidden="1">
              <a:extLst>
                <a:ext uri="{63B3BB69-23CF-44E3-9099-C40C66FF867C}">
                  <a14:compatExt spid="_x0000_s3265"/>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3266" name="Check Box 194" hidden="1">
              <a:extLst>
                <a:ext uri="{63B3BB69-23CF-44E3-9099-C40C66FF867C}">
                  <a14:compatExt spid="_x0000_s3266"/>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3267" name="Check Box 195" hidden="1">
              <a:extLst>
                <a:ext uri="{63B3BB69-23CF-44E3-9099-C40C66FF867C}">
                  <a14:compatExt spid="_x0000_s3267"/>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3268" name="Check Box 196" hidden="1">
              <a:extLst>
                <a:ext uri="{63B3BB69-23CF-44E3-9099-C40C66FF867C}">
                  <a14:compatExt spid="_x0000_s3268"/>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3269" name="Check Box 197" hidden="1">
              <a:extLst>
                <a:ext uri="{63B3BB69-23CF-44E3-9099-C40C66FF867C}">
                  <a14:compatExt spid="_x0000_s3269"/>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3270" name="Check Box 198" hidden="1">
              <a:extLst>
                <a:ext uri="{63B3BB69-23CF-44E3-9099-C40C66FF867C}">
                  <a14:compatExt spid="_x0000_s3270"/>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3271" name="Check Box 199" hidden="1">
              <a:extLst>
                <a:ext uri="{63B3BB69-23CF-44E3-9099-C40C66FF867C}">
                  <a14:compatExt spid="_x0000_s3271"/>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3272" name="Check Box 200" hidden="1">
              <a:extLst>
                <a:ext uri="{63B3BB69-23CF-44E3-9099-C40C66FF867C}">
                  <a14:compatExt spid="_x0000_s3272"/>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3273" name="Check Box 201" hidden="1">
              <a:extLst>
                <a:ext uri="{63B3BB69-23CF-44E3-9099-C40C66FF867C}">
                  <a14:compatExt spid="_x0000_s3273"/>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3274" name="Check Box 202" hidden="1">
              <a:extLst>
                <a:ext uri="{63B3BB69-23CF-44E3-9099-C40C66FF867C}">
                  <a14:compatExt spid="_x0000_s3274"/>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3275" name="Check Box 203" hidden="1">
              <a:extLst>
                <a:ext uri="{63B3BB69-23CF-44E3-9099-C40C66FF867C}">
                  <a14:compatExt spid="_x0000_s3275"/>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3276" name="Check Box 204" hidden="1">
              <a:extLst>
                <a:ext uri="{63B3BB69-23CF-44E3-9099-C40C66FF867C}">
                  <a14:compatExt spid="_x0000_s3276"/>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3277" name="Check Box 205" hidden="1">
              <a:extLst>
                <a:ext uri="{63B3BB69-23CF-44E3-9099-C40C66FF867C}">
                  <a14:compatExt spid="_x0000_s3277"/>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3278" name="Check Box 206" hidden="1">
              <a:extLst>
                <a:ext uri="{63B3BB69-23CF-44E3-9099-C40C66FF867C}">
                  <a14:compatExt spid="_x0000_s3278"/>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3279" name="Check Box 207" hidden="1">
              <a:extLst>
                <a:ext uri="{63B3BB69-23CF-44E3-9099-C40C66FF867C}">
                  <a14:compatExt spid="_x0000_s3279"/>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3280" name="Check Box 208" hidden="1">
              <a:extLst>
                <a:ext uri="{63B3BB69-23CF-44E3-9099-C40C66FF867C}">
                  <a14:compatExt spid="_x0000_s3280"/>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3281" name="Check Box 209" hidden="1">
              <a:extLst>
                <a:ext uri="{63B3BB69-23CF-44E3-9099-C40C66FF867C}">
                  <a14:compatExt spid="_x0000_s3281"/>
                </a:ext>
                <a:ext uri="{FF2B5EF4-FFF2-40B4-BE49-F238E27FC236}">
                  <a16:creationId xmlns:a16="http://schemas.microsoft.com/office/drawing/2014/main" id="{00000000-0008-0000-0D00-0000D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3282" name="Check Box 210" hidden="1">
              <a:extLst>
                <a:ext uri="{63B3BB69-23CF-44E3-9099-C40C66FF867C}">
                  <a14:compatExt spid="_x0000_s3282"/>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3283" name="Check Box 211" hidden="1">
              <a:extLst>
                <a:ext uri="{63B3BB69-23CF-44E3-9099-C40C66FF867C}">
                  <a14:compatExt spid="_x0000_s3283"/>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3284" name="Check Box 212" hidden="1">
              <a:extLst>
                <a:ext uri="{63B3BB69-23CF-44E3-9099-C40C66FF867C}">
                  <a14:compatExt spid="_x0000_s3284"/>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3285" name="Check Box 213" hidden="1">
              <a:extLst>
                <a:ext uri="{63B3BB69-23CF-44E3-9099-C40C66FF867C}">
                  <a14:compatExt spid="_x0000_s3285"/>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3286" name="Check Box 214" hidden="1">
              <a:extLst>
                <a:ext uri="{63B3BB69-23CF-44E3-9099-C40C66FF867C}">
                  <a14:compatExt spid="_x0000_s3286"/>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3287" name="Check Box 215" hidden="1">
              <a:extLst>
                <a:ext uri="{63B3BB69-23CF-44E3-9099-C40C66FF867C}">
                  <a14:compatExt spid="_x0000_s3287"/>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3288" name="Check Box 216" hidden="1">
              <a:extLst>
                <a:ext uri="{63B3BB69-23CF-44E3-9099-C40C66FF867C}">
                  <a14:compatExt spid="_x0000_s3288"/>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3289" name="Check Box 217" hidden="1">
              <a:extLst>
                <a:ext uri="{63B3BB69-23CF-44E3-9099-C40C66FF867C}">
                  <a14:compatExt spid="_x0000_s3289"/>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3290" name="Check Box 218" hidden="1">
              <a:extLst>
                <a:ext uri="{63B3BB69-23CF-44E3-9099-C40C66FF867C}">
                  <a14:compatExt spid="_x0000_s3290"/>
                </a:ext>
                <a:ext uri="{FF2B5EF4-FFF2-40B4-BE49-F238E27FC236}">
                  <a16:creationId xmlns:a16="http://schemas.microsoft.com/office/drawing/2014/main" id="{00000000-0008-0000-0D00-0000D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3291" name="Check Box 219" hidden="1">
              <a:extLst>
                <a:ext uri="{63B3BB69-23CF-44E3-9099-C40C66FF867C}">
                  <a14:compatExt spid="_x0000_s3291"/>
                </a:ext>
                <a:ext uri="{FF2B5EF4-FFF2-40B4-BE49-F238E27FC236}">
                  <a16:creationId xmlns:a16="http://schemas.microsoft.com/office/drawing/2014/main" id="{00000000-0008-0000-0D00-0000D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3292" name="Check Box 220" hidden="1">
              <a:extLst>
                <a:ext uri="{63B3BB69-23CF-44E3-9099-C40C66FF867C}">
                  <a14:compatExt spid="_x0000_s3292"/>
                </a:ext>
                <a:ext uri="{FF2B5EF4-FFF2-40B4-BE49-F238E27FC236}">
                  <a16:creationId xmlns:a16="http://schemas.microsoft.com/office/drawing/2014/main" id="{00000000-0008-0000-0D00-0000D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3293" name="Check Box 221" hidden="1">
              <a:extLst>
                <a:ext uri="{63B3BB69-23CF-44E3-9099-C40C66FF867C}">
                  <a14:compatExt spid="_x0000_s3293"/>
                </a:ext>
                <a:ext uri="{FF2B5EF4-FFF2-40B4-BE49-F238E27FC236}">
                  <a16:creationId xmlns:a16="http://schemas.microsoft.com/office/drawing/2014/main" id="{00000000-0008-0000-0D00-0000D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3294" name="Check Box 222" hidden="1">
              <a:extLst>
                <a:ext uri="{63B3BB69-23CF-44E3-9099-C40C66FF867C}">
                  <a14:compatExt spid="_x0000_s3294"/>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3295" name="Check Box 223" hidden="1">
              <a:extLst>
                <a:ext uri="{63B3BB69-23CF-44E3-9099-C40C66FF867C}">
                  <a14:compatExt spid="_x0000_s3295"/>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3296" name="Check Box 224" hidden="1">
              <a:extLst>
                <a:ext uri="{63B3BB69-23CF-44E3-9099-C40C66FF867C}">
                  <a14:compatExt spid="_x0000_s3296"/>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3297" name="Check Box 225" hidden="1">
              <a:extLst>
                <a:ext uri="{63B3BB69-23CF-44E3-9099-C40C66FF867C}">
                  <a14:compatExt spid="_x0000_s3297"/>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3298" name="Check Box 226" hidden="1">
              <a:extLst>
                <a:ext uri="{63B3BB69-23CF-44E3-9099-C40C66FF867C}">
                  <a14:compatExt spid="_x0000_s3298"/>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3299" name="Check Box 227" hidden="1">
              <a:extLst>
                <a:ext uri="{63B3BB69-23CF-44E3-9099-C40C66FF867C}">
                  <a14:compatExt spid="_x0000_s3299"/>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3300" name="Check Box 228" hidden="1">
              <a:extLst>
                <a:ext uri="{63B3BB69-23CF-44E3-9099-C40C66FF867C}">
                  <a14:compatExt spid="_x0000_s3300"/>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3301" name="Check Box 229" hidden="1">
              <a:extLst>
                <a:ext uri="{63B3BB69-23CF-44E3-9099-C40C66FF867C}">
                  <a14:compatExt spid="_x0000_s3301"/>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3302" name="Check Box 230" hidden="1">
              <a:extLst>
                <a:ext uri="{63B3BB69-23CF-44E3-9099-C40C66FF867C}">
                  <a14:compatExt spid="_x0000_s3302"/>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3303" name="Check Box 231" hidden="1">
              <a:extLst>
                <a:ext uri="{63B3BB69-23CF-44E3-9099-C40C66FF867C}">
                  <a14:compatExt spid="_x0000_s3303"/>
                </a:ext>
                <a:ext uri="{FF2B5EF4-FFF2-40B4-BE49-F238E27FC236}">
                  <a16:creationId xmlns:a16="http://schemas.microsoft.com/office/drawing/2014/main" id="{00000000-0008-0000-0D00-0000E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3304" name="Check Box 232" hidden="1">
              <a:extLst>
                <a:ext uri="{63B3BB69-23CF-44E3-9099-C40C66FF867C}">
                  <a14:compatExt spid="_x0000_s3304"/>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3305" name="Check Box 233" hidden="1">
              <a:extLst>
                <a:ext uri="{63B3BB69-23CF-44E3-9099-C40C66FF867C}">
                  <a14:compatExt spid="_x0000_s3305"/>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3306" name="Check Box 234" hidden="1">
              <a:extLst>
                <a:ext uri="{63B3BB69-23CF-44E3-9099-C40C66FF867C}">
                  <a14:compatExt spid="_x0000_s3306"/>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3307" name="Check Box 235" hidden="1">
              <a:extLst>
                <a:ext uri="{63B3BB69-23CF-44E3-9099-C40C66FF867C}">
                  <a14:compatExt spid="_x0000_s3307"/>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3308" name="Check Box 236" hidden="1">
              <a:extLst>
                <a:ext uri="{63B3BB69-23CF-44E3-9099-C40C66FF867C}">
                  <a14:compatExt spid="_x0000_s3308"/>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3309" name="Check Box 237" hidden="1">
              <a:extLst>
                <a:ext uri="{63B3BB69-23CF-44E3-9099-C40C66FF867C}">
                  <a14:compatExt spid="_x0000_s3309"/>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3310" name="Check Box 238" hidden="1">
              <a:extLst>
                <a:ext uri="{63B3BB69-23CF-44E3-9099-C40C66FF867C}">
                  <a14:compatExt spid="_x0000_s3310"/>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3311" name="Check Box 239" hidden="1">
              <a:extLst>
                <a:ext uri="{63B3BB69-23CF-44E3-9099-C40C66FF867C}">
                  <a14:compatExt spid="_x0000_s3311"/>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3312" name="Check Box 240" hidden="1">
              <a:extLst>
                <a:ext uri="{63B3BB69-23CF-44E3-9099-C40C66FF867C}">
                  <a14:compatExt spid="_x0000_s3312"/>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242"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3313" name="Check Box 241" hidden="1">
              <a:extLst>
                <a:ext uri="{63B3BB69-23CF-44E3-9099-C40C66FF867C}">
                  <a14:compatExt spid="_x0000_s3313"/>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3314" name="Check Box 242" hidden="1">
              <a:extLst>
                <a:ext uri="{63B3BB69-23CF-44E3-9099-C40C66FF867C}">
                  <a14:compatExt spid="_x0000_s3314"/>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3315" name="Check Box 243" hidden="1">
              <a:extLst>
                <a:ext uri="{63B3BB69-23CF-44E3-9099-C40C66FF867C}">
                  <a14:compatExt spid="_x0000_s3315"/>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3316" name="Check Box 244" hidden="1">
              <a:extLst>
                <a:ext uri="{63B3BB69-23CF-44E3-9099-C40C66FF867C}">
                  <a14:compatExt spid="_x0000_s3316"/>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3317" name="Check Box 245" hidden="1">
              <a:extLst>
                <a:ext uri="{63B3BB69-23CF-44E3-9099-C40C66FF867C}">
                  <a14:compatExt spid="_x0000_s3317"/>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3318" name="Check Box 246" hidden="1">
              <a:extLst>
                <a:ext uri="{63B3BB69-23CF-44E3-9099-C40C66FF867C}">
                  <a14:compatExt spid="_x0000_s3318"/>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3319" name="Check Box 247" hidden="1">
              <a:extLst>
                <a:ext uri="{63B3BB69-23CF-44E3-9099-C40C66FF867C}">
                  <a14:compatExt spid="_x0000_s3319"/>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3320" name="Check Box 248" hidden="1">
              <a:extLst>
                <a:ext uri="{63B3BB69-23CF-44E3-9099-C40C66FF867C}">
                  <a14:compatExt spid="_x0000_s3320"/>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3321" name="Check Box 249" hidden="1">
              <a:extLst>
                <a:ext uri="{63B3BB69-23CF-44E3-9099-C40C66FF867C}">
                  <a14:compatExt spid="_x0000_s3321"/>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3322" name="Check Box 250" hidden="1">
              <a:extLst>
                <a:ext uri="{63B3BB69-23CF-44E3-9099-C40C66FF867C}">
                  <a14:compatExt spid="_x0000_s3322"/>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3324" name="Check Box 252" hidden="1">
              <a:extLst>
                <a:ext uri="{63B3BB69-23CF-44E3-9099-C40C66FF867C}">
                  <a14:compatExt spid="_x0000_s3324"/>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3325" name="Check Box 253" hidden="1">
              <a:extLst>
                <a:ext uri="{63B3BB69-23CF-44E3-9099-C40C66FF867C}">
                  <a14:compatExt spid="_x0000_s3325"/>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3326" name="Check Box 254" hidden="1">
              <a:extLst>
                <a:ext uri="{63B3BB69-23CF-44E3-9099-C40C66FF867C}">
                  <a14:compatExt spid="_x0000_s3326"/>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3327" name="Check Box 255" hidden="1">
              <a:extLst>
                <a:ext uri="{63B3BB69-23CF-44E3-9099-C40C66FF867C}">
                  <a14:compatExt spid="_x0000_s3327"/>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3328" name="Check Box 256" hidden="1">
              <a:extLst>
                <a:ext uri="{63B3BB69-23CF-44E3-9099-C40C66FF867C}">
                  <a14:compatExt spid="_x0000_s3328"/>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3329" name="Check Box 257" hidden="1">
              <a:extLst>
                <a:ext uri="{63B3BB69-23CF-44E3-9099-C40C66FF867C}">
                  <a14:compatExt spid="_x0000_s3329"/>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3330" name="Check Box 258" hidden="1">
              <a:extLst>
                <a:ext uri="{63B3BB69-23CF-44E3-9099-C40C66FF867C}">
                  <a14:compatExt spid="_x0000_s3330"/>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3331" name="Check Box 259" hidden="1">
              <a:extLst>
                <a:ext uri="{63B3BB69-23CF-44E3-9099-C40C66FF867C}">
                  <a14:compatExt spid="_x0000_s3331"/>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3332" name="Check Box 260" hidden="1">
              <a:extLst>
                <a:ext uri="{63B3BB69-23CF-44E3-9099-C40C66FF867C}">
                  <a14:compatExt spid="_x0000_s3332"/>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3333" name="Check Box 261" hidden="1">
              <a:extLst>
                <a:ext uri="{63B3BB69-23CF-44E3-9099-C40C66FF867C}">
                  <a14:compatExt spid="_x0000_s3333"/>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3334" name="Check Box 262" hidden="1">
              <a:extLst>
                <a:ext uri="{63B3BB69-23CF-44E3-9099-C40C66FF867C}">
                  <a14:compatExt spid="_x0000_s3334"/>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3335" name="Check Box 263" hidden="1">
              <a:extLst>
                <a:ext uri="{63B3BB69-23CF-44E3-9099-C40C66FF867C}">
                  <a14:compatExt spid="_x0000_s3335"/>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3336" name="Check Box 264" hidden="1">
              <a:extLst>
                <a:ext uri="{63B3BB69-23CF-44E3-9099-C40C66FF867C}">
                  <a14:compatExt spid="_x0000_s3336"/>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3337" name="Check Box 265" hidden="1">
              <a:extLst>
                <a:ext uri="{63B3BB69-23CF-44E3-9099-C40C66FF867C}">
                  <a14:compatExt spid="_x0000_s3337"/>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3338" name="Check Box 266" hidden="1">
              <a:extLst>
                <a:ext uri="{63B3BB69-23CF-44E3-9099-C40C66FF867C}">
                  <a14:compatExt spid="_x0000_s3338"/>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3339" name="Check Box 267" hidden="1">
              <a:extLst>
                <a:ext uri="{63B3BB69-23CF-44E3-9099-C40C66FF867C}">
                  <a14:compatExt spid="_x0000_s3339"/>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3340" name="Check Box 268" hidden="1">
              <a:extLst>
                <a:ext uri="{63B3BB69-23CF-44E3-9099-C40C66FF867C}">
                  <a14:compatExt spid="_x0000_s3340"/>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3341" name="Check Box 269" hidden="1">
              <a:extLst>
                <a:ext uri="{63B3BB69-23CF-44E3-9099-C40C66FF867C}">
                  <a14:compatExt spid="_x0000_s3341"/>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3342" name="Check Box 270" hidden="1">
              <a:extLst>
                <a:ext uri="{63B3BB69-23CF-44E3-9099-C40C66FF867C}">
                  <a14:compatExt spid="_x0000_s3342"/>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3343" name="Check Box 271" hidden="1">
              <a:extLst>
                <a:ext uri="{63B3BB69-23CF-44E3-9099-C40C66FF867C}">
                  <a14:compatExt spid="_x0000_s3343"/>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3344" name="Check Box 272" hidden="1">
              <a:extLst>
                <a:ext uri="{63B3BB69-23CF-44E3-9099-C40C66FF867C}">
                  <a14:compatExt spid="_x0000_s3344"/>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3345" name="Check Box 273" hidden="1">
              <a:extLst>
                <a:ext uri="{63B3BB69-23CF-44E3-9099-C40C66FF867C}">
                  <a14:compatExt spid="_x0000_s3345"/>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3346" name="Check Box 274" hidden="1">
              <a:extLst>
                <a:ext uri="{63B3BB69-23CF-44E3-9099-C40C66FF867C}">
                  <a14:compatExt spid="_x0000_s3346"/>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3347" name="Check Box 275" hidden="1">
              <a:extLst>
                <a:ext uri="{63B3BB69-23CF-44E3-9099-C40C66FF867C}">
                  <a14:compatExt spid="_x0000_s3347"/>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3348" name="Check Box 276" hidden="1">
              <a:extLst>
                <a:ext uri="{63B3BB69-23CF-44E3-9099-C40C66FF867C}">
                  <a14:compatExt spid="_x0000_s3348"/>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3349" name="Check Box 277" hidden="1">
              <a:extLst>
                <a:ext uri="{63B3BB69-23CF-44E3-9099-C40C66FF867C}">
                  <a14:compatExt spid="_x0000_s3349"/>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3350" name="Check Box 278" hidden="1">
              <a:extLst>
                <a:ext uri="{63B3BB69-23CF-44E3-9099-C40C66FF867C}">
                  <a14:compatExt spid="_x0000_s3350"/>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3351" name="Check Box 279" hidden="1">
              <a:extLst>
                <a:ext uri="{63B3BB69-23CF-44E3-9099-C40C66FF867C}">
                  <a14:compatExt spid="_x0000_s3351"/>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3352" name="Check Box 280" hidden="1">
              <a:extLst>
                <a:ext uri="{63B3BB69-23CF-44E3-9099-C40C66FF867C}">
                  <a14:compatExt spid="_x0000_s3352"/>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3353" name="Check Box 281" hidden="1">
              <a:extLst>
                <a:ext uri="{63B3BB69-23CF-44E3-9099-C40C66FF867C}">
                  <a14:compatExt spid="_x0000_s3353"/>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3354" name="Check Box 282" hidden="1">
              <a:extLst>
                <a:ext uri="{63B3BB69-23CF-44E3-9099-C40C66FF867C}">
                  <a14:compatExt spid="_x0000_s3354"/>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3355" name="Check Box 283" hidden="1">
              <a:extLst>
                <a:ext uri="{63B3BB69-23CF-44E3-9099-C40C66FF867C}">
                  <a14:compatExt spid="_x0000_s3355"/>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3356" name="Check Box 284" hidden="1">
              <a:extLst>
                <a:ext uri="{63B3BB69-23CF-44E3-9099-C40C66FF867C}">
                  <a14:compatExt spid="_x0000_s3356"/>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3357" name="Check Box 285" hidden="1">
              <a:extLst>
                <a:ext uri="{63B3BB69-23CF-44E3-9099-C40C66FF867C}">
                  <a14:compatExt spid="_x0000_s3357"/>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3358" name="Check Box 286" hidden="1">
              <a:extLst>
                <a:ext uri="{63B3BB69-23CF-44E3-9099-C40C66FF867C}">
                  <a14:compatExt spid="_x0000_s3358"/>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3359" name="Check Box 287" hidden="1">
              <a:extLst>
                <a:ext uri="{63B3BB69-23CF-44E3-9099-C40C66FF867C}">
                  <a14:compatExt spid="_x0000_s3359"/>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3360" name="Check Box 288" hidden="1">
              <a:extLst>
                <a:ext uri="{63B3BB69-23CF-44E3-9099-C40C66FF867C}">
                  <a14:compatExt spid="_x0000_s3360"/>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3361" name="Check Box 289" hidden="1">
              <a:extLst>
                <a:ext uri="{63B3BB69-23CF-44E3-9099-C40C66FF867C}">
                  <a14:compatExt spid="_x0000_s3361"/>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3362" name="Check Box 290" hidden="1">
              <a:extLst>
                <a:ext uri="{63B3BB69-23CF-44E3-9099-C40C66FF867C}">
                  <a14:compatExt spid="_x0000_s3362"/>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3363" name="Check Box 291" hidden="1">
              <a:extLst>
                <a:ext uri="{63B3BB69-23CF-44E3-9099-C40C66FF867C}">
                  <a14:compatExt spid="_x0000_s3363"/>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3364" name="Check Box 292" hidden="1">
              <a:extLst>
                <a:ext uri="{63B3BB69-23CF-44E3-9099-C40C66FF867C}">
                  <a14:compatExt spid="_x0000_s3364"/>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3365" name="Check Box 293" hidden="1">
              <a:extLst>
                <a:ext uri="{63B3BB69-23CF-44E3-9099-C40C66FF867C}">
                  <a14:compatExt spid="_x0000_s3365"/>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3366" name="Check Box 294" hidden="1">
              <a:extLst>
                <a:ext uri="{63B3BB69-23CF-44E3-9099-C40C66FF867C}">
                  <a14:compatExt spid="_x0000_s3366"/>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3367" name="Check Box 295" hidden="1">
              <a:extLst>
                <a:ext uri="{63B3BB69-23CF-44E3-9099-C40C66FF867C}">
                  <a14:compatExt spid="_x0000_s3367"/>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3368" name="Check Box 296" hidden="1">
              <a:extLst>
                <a:ext uri="{63B3BB69-23CF-44E3-9099-C40C66FF867C}">
                  <a14:compatExt spid="_x0000_s3368"/>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3369" name="Check Box 297" hidden="1">
              <a:extLst>
                <a:ext uri="{63B3BB69-23CF-44E3-9099-C40C66FF867C}">
                  <a14:compatExt spid="_x0000_s3369"/>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3370" name="Check Box 298" hidden="1">
              <a:extLst>
                <a:ext uri="{63B3BB69-23CF-44E3-9099-C40C66FF867C}">
                  <a14:compatExt spid="_x0000_s3370"/>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3371" name="Check Box 299" hidden="1">
              <a:extLst>
                <a:ext uri="{63B3BB69-23CF-44E3-9099-C40C66FF867C}">
                  <a14:compatExt spid="_x0000_s3371"/>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3372" name="Check Box 300" hidden="1">
              <a:extLst>
                <a:ext uri="{63B3BB69-23CF-44E3-9099-C40C66FF867C}">
                  <a14:compatExt spid="_x0000_s3372"/>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3373" name="Check Box 301" hidden="1">
              <a:extLst>
                <a:ext uri="{63B3BB69-23CF-44E3-9099-C40C66FF867C}">
                  <a14:compatExt spid="_x0000_s3373"/>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3374" name="Check Box 302" hidden="1">
              <a:extLst>
                <a:ext uri="{63B3BB69-23CF-44E3-9099-C40C66FF867C}">
                  <a14:compatExt spid="_x0000_s3374"/>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3375" name="Check Box 303" hidden="1">
              <a:extLst>
                <a:ext uri="{63B3BB69-23CF-44E3-9099-C40C66FF867C}">
                  <a14:compatExt spid="_x0000_s3375"/>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3376" name="Check Box 304" hidden="1">
              <a:extLst>
                <a:ext uri="{63B3BB69-23CF-44E3-9099-C40C66FF867C}">
                  <a14:compatExt spid="_x0000_s3376"/>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3377" name="Check Box 305" hidden="1">
              <a:extLst>
                <a:ext uri="{63B3BB69-23CF-44E3-9099-C40C66FF867C}">
                  <a14:compatExt spid="_x0000_s3377"/>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3378" name="Check Box 306" hidden="1">
              <a:extLst>
                <a:ext uri="{63B3BB69-23CF-44E3-9099-C40C66FF867C}">
                  <a14:compatExt spid="_x0000_s3378"/>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3379" name="Check Box 307" hidden="1">
              <a:extLst>
                <a:ext uri="{63B3BB69-23CF-44E3-9099-C40C66FF867C}">
                  <a14:compatExt spid="_x0000_s3379"/>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3380" name="Check Box 308" hidden="1">
              <a:extLst>
                <a:ext uri="{63B3BB69-23CF-44E3-9099-C40C66FF867C}">
                  <a14:compatExt spid="_x0000_s3380"/>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3381" name="Check Box 309" hidden="1">
              <a:extLst>
                <a:ext uri="{63B3BB69-23CF-44E3-9099-C40C66FF867C}">
                  <a14:compatExt spid="_x0000_s3381"/>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3382" name="Check Box 310" hidden="1">
              <a:extLst>
                <a:ext uri="{63B3BB69-23CF-44E3-9099-C40C66FF867C}">
                  <a14:compatExt spid="_x0000_s3382"/>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3383" name="Check Box 311" hidden="1">
              <a:extLst>
                <a:ext uri="{63B3BB69-23CF-44E3-9099-C40C66FF867C}">
                  <a14:compatExt spid="_x0000_s3383"/>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3384" name="Check Box 312" hidden="1">
              <a:extLst>
                <a:ext uri="{63B3BB69-23CF-44E3-9099-C40C66FF867C}">
                  <a14:compatExt spid="_x0000_s3384"/>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3385" name="Check Box 313" hidden="1">
              <a:extLst>
                <a:ext uri="{63B3BB69-23CF-44E3-9099-C40C66FF867C}">
                  <a14:compatExt spid="_x0000_s3385"/>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3386" name="Check Box 314" hidden="1">
              <a:extLst>
                <a:ext uri="{63B3BB69-23CF-44E3-9099-C40C66FF867C}">
                  <a14:compatExt spid="_x0000_s3386"/>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3387" name="Check Box 315" hidden="1">
              <a:extLst>
                <a:ext uri="{63B3BB69-23CF-44E3-9099-C40C66FF867C}">
                  <a14:compatExt spid="_x0000_s3387"/>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3388" name="Check Box 316" hidden="1">
              <a:extLst>
                <a:ext uri="{63B3BB69-23CF-44E3-9099-C40C66FF867C}">
                  <a14:compatExt spid="_x0000_s3388"/>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3389" name="Check Box 317" hidden="1">
              <a:extLst>
                <a:ext uri="{63B3BB69-23CF-44E3-9099-C40C66FF867C}">
                  <a14:compatExt spid="_x0000_s3389"/>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3390" name="Check Box 318" hidden="1">
              <a:extLst>
                <a:ext uri="{63B3BB69-23CF-44E3-9099-C40C66FF867C}">
                  <a14:compatExt spid="_x0000_s3390"/>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3391" name="Check Box 319" hidden="1">
              <a:extLst>
                <a:ext uri="{63B3BB69-23CF-44E3-9099-C40C66FF867C}">
                  <a14:compatExt spid="_x0000_s3391"/>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3392" name="Check Box 320" hidden="1">
              <a:extLst>
                <a:ext uri="{63B3BB69-23CF-44E3-9099-C40C66FF867C}">
                  <a14:compatExt spid="_x0000_s3392"/>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3393" name="Check Box 321" hidden="1">
              <a:extLst>
                <a:ext uri="{63B3BB69-23CF-44E3-9099-C40C66FF867C}">
                  <a14:compatExt spid="_x0000_s3393"/>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3394" name="Check Box 322" hidden="1">
              <a:extLst>
                <a:ext uri="{63B3BB69-23CF-44E3-9099-C40C66FF867C}">
                  <a14:compatExt spid="_x0000_s3394"/>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3395" name="Check Box 323" hidden="1">
              <a:extLst>
                <a:ext uri="{63B3BB69-23CF-44E3-9099-C40C66FF867C}">
                  <a14:compatExt spid="_x0000_s3395"/>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3396" name="Check Box 324" hidden="1">
              <a:extLst>
                <a:ext uri="{63B3BB69-23CF-44E3-9099-C40C66FF867C}">
                  <a14:compatExt spid="_x0000_s3396"/>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3397" name="Check Box 325" hidden="1">
              <a:extLst>
                <a:ext uri="{63B3BB69-23CF-44E3-9099-C40C66FF867C}">
                  <a14:compatExt spid="_x0000_s3397"/>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3398" name="Check Box 326" hidden="1">
              <a:extLst>
                <a:ext uri="{63B3BB69-23CF-44E3-9099-C40C66FF867C}">
                  <a14:compatExt spid="_x0000_s3398"/>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3399" name="Check Box 327" hidden="1">
              <a:extLst>
                <a:ext uri="{63B3BB69-23CF-44E3-9099-C40C66FF867C}">
                  <a14:compatExt spid="_x0000_s3399"/>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3400" name="Check Box 328" hidden="1">
              <a:extLst>
                <a:ext uri="{63B3BB69-23CF-44E3-9099-C40C66FF867C}">
                  <a14:compatExt spid="_x0000_s3400"/>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3401" name="Check Box 329" hidden="1">
              <a:extLst>
                <a:ext uri="{63B3BB69-23CF-44E3-9099-C40C66FF867C}">
                  <a14:compatExt spid="_x0000_s3401"/>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3402" name="Check Box 330" hidden="1">
              <a:extLst>
                <a:ext uri="{63B3BB69-23CF-44E3-9099-C40C66FF867C}">
                  <a14:compatExt spid="_x0000_s3402"/>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3403" name="Check Box 331" hidden="1">
              <a:extLst>
                <a:ext uri="{63B3BB69-23CF-44E3-9099-C40C66FF867C}">
                  <a14:compatExt spid="_x0000_s3403"/>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3404" name="Check Box 332" hidden="1">
              <a:extLst>
                <a:ext uri="{63B3BB69-23CF-44E3-9099-C40C66FF867C}">
                  <a14:compatExt spid="_x0000_s3404"/>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3405" name="Check Box 333" hidden="1">
              <a:extLst>
                <a:ext uri="{63B3BB69-23CF-44E3-9099-C40C66FF867C}">
                  <a14:compatExt spid="_x0000_s3405"/>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3406" name="Check Box 334" hidden="1">
              <a:extLst>
                <a:ext uri="{63B3BB69-23CF-44E3-9099-C40C66FF867C}">
                  <a14:compatExt spid="_x0000_s3406"/>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3407" name="Check Box 335" hidden="1">
              <a:extLst>
                <a:ext uri="{63B3BB69-23CF-44E3-9099-C40C66FF867C}">
                  <a14:compatExt spid="_x0000_s3407"/>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3408" name="Check Box 336" hidden="1">
              <a:extLst>
                <a:ext uri="{63B3BB69-23CF-44E3-9099-C40C66FF867C}">
                  <a14:compatExt spid="_x0000_s3408"/>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3409" name="Check Box 337" hidden="1">
              <a:extLst>
                <a:ext uri="{63B3BB69-23CF-44E3-9099-C40C66FF867C}">
                  <a14:compatExt spid="_x0000_s3409"/>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3410" name="Check Box 338" hidden="1">
              <a:extLst>
                <a:ext uri="{63B3BB69-23CF-44E3-9099-C40C66FF867C}">
                  <a14:compatExt spid="_x0000_s3410"/>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3411" name="Check Box 339" hidden="1">
              <a:extLst>
                <a:ext uri="{63B3BB69-23CF-44E3-9099-C40C66FF867C}">
                  <a14:compatExt spid="_x0000_s3411"/>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3412" name="Check Box 340" hidden="1">
              <a:extLst>
                <a:ext uri="{63B3BB69-23CF-44E3-9099-C40C66FF867C}">
                  <a14:compatExt spid="_x0000_s3412"/>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3413" name="Check Box 341" hidden="1">
              <a:extLst>
                <a:ext uri="{63B3BB69-23CF-44E3-9099-C40C66FF867C}">
                  <a14:compatExt spid="_x0000_s3413"/>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3414" name="Check Box 342" hidden="1">
              <a:extLst>
                <a:ext uri="{63B3BB69-23CF-44E3-9099-C40C66FF867C}">
                  <a14:compatExt spid="_x0000_s3414"/>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3415" name="Check Box 343" hidden="1">
              <a:extLst>
                <a:ext uri="{63B3BB69-23CF-44E3-9099-C40C66FF867C}">
                  <a14:compatExt spid="_x0000_s3415"/>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3416" name="Check Box 344" hidden="1">
              <a:extLst>
                <a:ext uri="{63B3BB69-23CF-44E3-9099-C40C66FF867C}">
                  <a14:compatExt spid="_x0000_s3416"/>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3417" name="Check Box 345" hidden="1">
              <a:extLst>
                <a:ext uri="{63B3BB69-23CF-44E3-9099-C40C66FF867C}">
                  <a14:compatExt spid="_x0000_s3417"/>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3418" name="Check Box 346" hidden="1">
              <a:extLst>
                <a:ext uri="{63B3BB69-23CF-44E3-9099-C40C66FF867C}">
                  <a14:compatExt spid="_x0000_s3418"/>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3419" name="Check Box 347" hidden="1">
              <a:extLst>
                <a:ext uri="{63B3BB69-23CF-44E3-9099-C40C66FF867C}">
                  <a14:compatExt spid="_x0000_s3419"/>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3420" name="Check Box 348" hidden="1">
              <a:extLst>
                <a:ext uri="{63B3BB69-23CF-44E3-9099-C40C66FF867C}">
                  <a14:compatExt spid="_x0000_s3420"/>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3421" name="Check Box 349" hidden="1">
              <a:extLst>
                <a:ext uri="{63B3BB69-23CF-44E3-9099-C40C66FF867C}">
                  <a14:compatExt spid="_x0000_s3421"/>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3422" name="Check Box 350" hidden="1">
              <a:extLst>
                <a:ext uri="{63B3BB69-23CF-44E3-9099-C40C66FF867C}">
                  <a14:compatExt spid="_x0000_s3422"/>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3423" name="Check Box 351" hidden="1">
              <a:extLst>
                <a:ext uri="{63B3BB69-23CF-44E3-9099-C40C66FF867C}">
                  <a14:compatExt spid="_x0000_s3423"/>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3424" name="Check Box 352" hidden="1">
              <a:extLst>
                <a:ext uri="{63B3BB69-23CF-44E3-9099-C40C66FF867C}">
                  <a14:compatExt spid="_x0000_s3424"/>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3425" name="Check Box 353" hidden="1">
              <a:extLst>
                <a:ext uri="{63B3BB69-23CF-44E3-9099-C40C66FF867C}">
                  <a14:compatExt spid="_x0000_s3425"/>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3426" name="Check Box 354" hidden="1">
              <a:extLst>
                <a:ext uri="{63B3BB69-23CF-44E3-9099-C40C66FF867C}">
                  <a14:compatExt spid="_x0000_s3426"/>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3427" name="Check Box 355" hidden="1">
              <a:extLst>
                <a:ext uri="{63B3BB69-23CF-44E3-9099-C40C66FF867C}">
                  <a14:compatExt spid="_x0000_s3427"/>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3428" name="Check Box 356" hidden="1">
              <a:extLst>
                <a:ext uri="{63B3BB69-23CF-44E3-9099-C40C66FF867C}">
                  <a14:compatExt spid="_x0000_s3428"/>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3429" name="Check Box 357" hidden="1">
              <a:extLst>
                <a:ext uri="{63B3BB69-23CF-44E3-9099-C40C66FF867C}">
                  <a14:compatExt spid="_x0000_s3429"/>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3430" name="Check Box 358" hidden="1">
              <a:extLst>
                <a:ext uri="{63B3BB69-23CF-44E3-9099-C40C66FF867C}">
                  <a14:compatExt spid="_x0000_s3430"/>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3431" name="Check Box 359" hidden="1">
              <a:extLst>
                <a:ext uri="{63B3BB69-23CF-44E3-9099-C40C66FF867C}">
                  <a14:compatExt spid="_x0000_s3431"/>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3432" name="Check Box 360" hidden="1">
              <a:extLst>
                <a:ext uri="{63B3BB69-23CF-44E3-9099-C40C66FF867C}">
                  <a14:compatExt spid="_x0000_s3432"/>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3433" name="Check Box 361" hidden="1">
              <a:extLst>
                <a:ext uri="{63B3BB69-23CF-44E3-9099-C40C66FF867C}">
                  <a14:compatExt spid="_x0000_s3433"/>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3434" name="Check Box 362" hidden="1">
              <a:extLst>
                <a:ext uri="{63B3BB69-23CF-44E3-9099-C40C66FF867C}">
                  <a14:compatExt spid="_x0000_s3434"/>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3435" name="Check Box 363" hidden="1">
              <a:extLst>
                <a:ext uri="{63B3BB69-23CF-44E3-9099-C40C66FF867C}">
                  <a14:compatExt spid="_x0000_s3435"/>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3436" name="Check Box 364" hidden="1">
              <a:extLst>
                <a:ext uri="{63B3BB69-23CF-44E3-9099-C40C66FF867C}">
                  <a14:compatExt spid="_x0000_s3436"/>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3437" name="Check Box 365" hidden="1">
              <a:extLst>
                <a:ext uri="{63B3BB69-23CF-44E3-9099-C40C66FF867C}">
                  <a14:compatExt spid="_x0000_s3437"/>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3438" name="Check Box 366" hidden="1">
              <a:extLst>
                <a:ext uri="{63B3BB69-23CF-44E3-9099-C40C66FF867C}">
                  <a14:compatExt spid="_x0000_s3438"/>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3439" name="Check Box 367" hidden="1">
              <a:extLst>
                <a:ext uri="{63B3BB69-23CF-44E3-9099-C40C66FF867C}">
                  <a14:compatExt spid="_x0000_s3439"/>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3440" name="Check Box 368" hidden="1">
              <a:extLst>
                <a:ext uri="{63B3BB69-23CF-44E3-9099-C40C66FF867C}">
                  <a14:compatExt spid="_x0000_s3440"/>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3441" name="Check Box 369" hidden="1">
              <a:extLst>
                <a:ext uri="{63B3BB69-23CF-44E3-9099-C40C66FF867C}">
                  <a14:compatExt spid="_x0000_s3441"/>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3442" name="Check Box 370" hidden="1">
              <a:extLst>
                <a:ext uri="{63B3BB69-23CF-44E3-9099-C40C66FF867C}">
                  <a14:compatExt spid="_x0000_s3442"/>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3443" name="Check Box 371" hidden="1">
              <a:extLst>
                <a:ext uri="{63B3BB69-23CF-44E3-9099-C40C66FF867C}">
                  <a14:compatExt spid="_x0000_s3443"/>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3444" name="Check Box 372" hidden="1">
              <a:extLst>
                <a:ext uri="{63B3BB69-23CF-44E3-9099-C40C66FF867C}">
                  <a14:compatExt spid="_x0000_s3444"/>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3445" name="Check Box 373" hidden="1">
              <a:extLst>
                <a:ext uri="{63B3BB69-23CF-44E3-9099-C40C66FF867C}">
                  <a14:compatExt spid="_x0000_s3445"/>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3446" name="Check Box 374" hidden="1">
              <a:extLst>
                <a:ext uri="{63B3BB69-23CF-44E3-9099-C40C66FF867C}">
                  <a14:compatExt spid="_x0000_s3446"/>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3447" name="Check Box 375" hidden="1">
              <a:extLst>
                <a:ext uri="{63B3BB69-23CF-44E3-9099-C40C66FF867C}">
                  <a14:compatExt spid="_x0000_s3447"/>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3448" name="Check Box 376" hidden="1">
              <a:extLst>
                <a:ext uri="{63B3BB69-23CF-44E3-9099-C40C66FF867C}">
                  <a14:compatExt spid="_x0000_s3448"/>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3449" name="Check Box 377" hidden="1">
              <a:extLst>
                <a:ext uri="{63B3BB69-23CF-44E3-9099-C40C66FF867C}">
                  <a14:compatExt spid="_x0000_s3449"/>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3450" name="Check Box 378" hidden="1">
              <a:extLst>
                <a:ext uri="{63B3BB69-23CF-44E3-9099-C40C66FF867C}">
                  <a14:compatExt spid="_x0000_s3450"/>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3451" name="Check Box 379" hidden="1">
              <a:extLst>
                <a:ext uri="{63B3BB69-23CF-44E3-9099-C40C66FF867C}">
                  <a14:compatExt spid="_x0000_s3451"/>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3452" name="Check Box 380" hidden="1">
              <a:extLst>
                <a:ext uri="{63B3BB69-23CF-44E3-9099-C40C66FF867C}">
                  <a14:compatExt spid="_x0000_s3452"/>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3453" name="Check Box 381" hidden="1">
              <a:extLst>
                <a:ext uri="{63B3BB69-23CF-44E3-9099-C40C66FF867C}">
                  <a14:compatExt spid="_x0000_s3453"/>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3454" name="Check Box 382" hidden="1">
              <a:extLst>
                <a:ext uri="{63B3BB69-23CF-44E3-9099-C40C66FF867C}">
                  <a14:compatExt spid="_x0000_s3454"/>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3455" name="Check Box 383" hidden="1">
              <a:extLst>
                <a:ext uri="{63B3BB69-23CF-44E3-9099-C40C66FF867C}">
                  <a14:compatExt spid="_x0000_s3455"/>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3456" name="Check Box 384" hidden="1">
              <a:extLst>
                <a:ext uri="{63B3BB69-23CF-44E3-9099-C40C66FF867C}">
                  <a14:compatExt spid="_x0000_s3456"/>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3457" name="Check Box 385" hidden="1">
              <a:extLst>
                <a:ext uri="{63B3BB69-23CF-44E3-9099-C40C66FF867C}">
                  <a14:compatExt spid="_x0000_s3457"/>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3458" name="Check Box 386" hidden="1">
              <a:extLst>
                <a:ext uri="{63B3BB69-23CF-44E3-9099-C40C66FF867C}">
                  <a14:compatExt spid="_x0000_s3458"/>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3459" name="Check Box 387" hidden="1">
              <a:extLst>
                <a:ext uri="{63B3BB69-23CF-44E3-9099-C40C66FF867C}">
                  <a14:compatExt spid="_x0000_s3459"/>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3460" name="Check Box 388" hidden="1">
              <a:extLst>
                <a:ext uri="{63B3BB69-23CF-44E3-9099-C40C66FF867C}">
                  <a14:compatExt spid="_x0000_s3460"/>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3461" name="Check Box 389" hidden="1">
              <a:extLst>
                <a:ext uri="{63B3BB69-23CF-44E3-9099-C40C66FF867C}">
                  <a14:compatExt spid="_x0000_s3461"/>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3462" name="Check Box 390" hidden="1">
              <a:extLst>
                <a:ext uri="{63B3BB69-23CF-44E3-9099-C40C66FF867C}">
                  <a14:compatExt spid="_x0000_s3462"/>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3463" name="Check Box 391" hidden="1">
              <a:extLst>
                <a:ext uri="{63B3BB69-23CF-44E3-9099-C40C66FF867C}">
                  <a14:compatExt spid="_x0000_s3463"/>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3464" name="Check Box 392" hidden="1">
              <a:extLst>
                <a:ext uri="{63B3BB69-23CF-44E3-9099-C40C66FF867C}">
                  <a14:compatExt spid="_x0000_s3464"/>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3465" name="Check Box 393" hidden="1">
              <a:extLst>
                <a:ext uri="{63B3BB69-23CF-44E3-9099-C40C66FF867C}">
                  <a14:compatExt spid="_x0000_s3465"/>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3466" name="Check Box 394" hidden="1">
              <a:extLst>
                <a:ext uri="{63B3BB69-23CF-44E3-9099-C40C66FF867C}">
                  <a14:compatExt spid="_x0000_s3466"/>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3467" name="Check Box 395" hidden="1">
              <a:extLst>
                <a:ext uri="{63B3BB69-23CF-44E3-9099-C40C66FF867C}">
                  <a14:compatExt spid="_x0000_s3467"/>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3468" name="Check Box 396" hidden="1">
              <a:extLst>
                <a:ext uri="{63B3BB69-23CF-44E3-9099-C40C66FF867C}">
                  <a14:compatExt spid="_x0000_s3468"/>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3469" name="Check Box 397" hidden="1">
              <a:extLst>
                <a:ext uri="{63B3BB69-23CF-44E3-9099-C40C66FF867C}">
                  <a14:compatExt spid="_x0000_s3469"/>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3470" name="Check Box 398" hidden="1">
              <a:extLst>
                <a:ext uri="{63B3BB69-23CF-44E3-9099-C40C66FF867C}">
                  <a14:compatExt spid="_x0000_s3470"/>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3471" name="Check Box 399" hidden="1">
              <a:extLst>
                <a:ext uri="{63B3BB69-23CF-44E3-9099-C40C66FF867C}">
                  <a14:compatExt spid="_x0000_s3471"/>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3472" name="Check Box 400" hidden="1">
              <a:extLst>
                <a:ext uri="{63B3BB69-23CF-44E3-9099-C40C66FF867C}">
                  <a14:compatExt spid="_x0000_s3472"/>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3473" name="Check Box 401" hidden="1">
              <a:extLst>
                <a:ext uri="{63B3BB69-23CF-44E3-9099-C40C66FF867C}">
                  <a14:compatExt spid="_x0000_s3473"/>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3474" name="Check Box 402" hidden="1">
              <a:extLst>
                <a:ext uri="{63B3BB69-23CF-44E3-9099-C40C66FF867C}">
                  <a14:compatExt spid="_x0000_s3474"/>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3475" name="Check Box 403" hidden="1">
              <a:extLst>
                <a:ext uri="{63B3BB69-23CF-44E3-9099-C40C66FF867C}">
                  <a14:compatExt spid="_x0000_s3475"/>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3476" name="Check Box 404" hidden="1">
              <a:extLst>
                <a:ext uri="{63B3BB69-23CF-44E3-9099-C40C66FF867C}">
                  <a14:compatExt spid="_x0000_s3476"/>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3477" name="Check Box 405" hidden="1">
              <a:extLst>
                <a:ext uri="{63B3BB69-23CF-44E3-9099-C40C66FF867C}">
                  <a14:compatExt spid="_x0000_s3477"/>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3478" name="Check Box 406" hidden="1">
              <a:extLst>
                <a:ext uri="{63B3BB69-23CF-44E3-9099-C40C66FF867C}">
                  <a14:compatExt spid="_x0000_s3478"/>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3479" name="Check Box 407" hidden="1">
              <a:extLst>
                <a:ext uri="{63B3BB69-23CF-44E3-9099-C40C66FF867C}">
                  <a14:compatExt spid="_x0000_s3479"/>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3480" name="Check Box 408" hidden="1">
              <a:extLst>
                <a:ext uri="{63B3BB69-23CF-44E3-9099-C40C66FF867C}">
                  <a14:compatExt spid="_x0000_s3480"/>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3481" name="Check Box 409" hidden="1">
              <a:extLst>
                <a:ext uri="{63B3BB69-23CF-44E3-9099-C40C66FF867C}">
                  <a14:compatExt spid="_x0000_s3481"/>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3482" name="Check Box 410" hidden="1">
              <a:extLst>
                <a:ext uri="{63B3BB69-23CF-44E3-9099-C40C66FF867C}">
                  <a14:compatExt spid="_x0000_s3482"/>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3483" name="Check Box 411" hidden="1">
              <a:extLst>
                <a:ext uri="{63B3BB69-23CF-44E3-9099-C40C66FF867C}">
                  <a14:compatExt spid="_x0000_s3483"/>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3484" name="Check Box 412" hidden="1">
              <a:extLst>
                <a:ext uri="{63B3BB69-23CF-44E3-9099-C40C66FF867C}">
                  <a14:compatExt spid="_x0000_s3484"/>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3485" name="Check Box 413" hidden="1">
              <a:extLst>
                <a:ext uri="{63B3BB69-23CF-44E3-9099-C40C66FF867C}">
                  <a14:compatExt spid="_x0000_s3485"/>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3486" name="Check Box 414" hidden="1">
              <a:extLst>
                <a:ext uri="{63B3BB69-23CF-44E3-9099-C40C66FF867C}">
                  <a14:compatExt spid="_x0000_s3486"/>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3487" name="Check Box 415" hidden="1">
              <a:extLst>
                <a:ext uri="{63B3BB69-23CF-44E3-9099-C40C66FF867C}">
                  <a14:compatExt spid="_x0000_s3487"/>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3488" name="Check Box 416" hidden="1">
              <a:extLst>
                <a:ext uri="{63B3BB69-23CF-44E3-9099-C40C66FF867C}">
                  <a14:compatExt spid="_x0000_s3488"/>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3489" name="Check Box 417" hidden="1">
              <a:extLst>
                <a:ext uri="{63B3BB69-23CF-44E3-9099-C40C66FF867C}">
                  <a14:compatExt spid="_x0000_s3489"/>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3490" name="Check Box 418" hidden="1">
              <a:extLst>
                <a:ext uri="{63B3BB69-23CF-44E3-9099-C40C66FF867C}">
                  <a14:compatExt spid="_x0000_s3490"/>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3491" name="Check Box 419" hidden="1">
              <a:extLst>
                <a:ext uri="{63B3BB69-23CF-44E3-9099-C40C66FF867C}">
                  <a14:compatExt spid="_x0000_s3491"/>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3492" name="Check Box 420" hidden="1">
              <a:extLst>
                <a:ext uri="{63B3BB69-23CF-44E3-9099-C40C66FF867C}">
                  <a14:compatExt spid="_x0000_s3492"/>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3493" name="Check Box 421" hidden="1">
              <a:extLst>
                <a:ext uri="{63B3BB69-23CF-44E3-9099-C40C66FF867C}">
                  <a14:compatExt spid="_x0000_s3493"/>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3494" name="Check Box 422" hidden="1">
              <a:extLst>
                <a:ext uri="{63B3BB69-23CF-44E3-9099-C40C66FF867C}">
                  <a14:compatExt spid="_x0000_s3494"/>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3495" name="Check Box 423" hidden="1">
              <a:extLst>
                <a:ext uri="{63B3BB69-23CF-44E3-9099-C40C66FF867C}">
                  <a14:compatExt spid="_x0000_s3495"/>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3496" name="Check Box 424" hidden="1">
              <a:extLst>
                <a:ext uri="{63B3BB69-23CF-44E3-9099-C40C66FF867C}">
                  <a14:compatExt spid="_x0000_s3496"/>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3497" name="Check Box 425" hidden="1">
              <a:extLst>
                <a:ext uri="{63B3BB69-23CF-44E3-9099-C40C66FF867C}">
                  <a14:compatExt spid="_x0000_s3497"/>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3498" name="Check Box 426" hidden="1">
              <a:extLst>
                <a:ext uri="{63B3BB69-23CF-44E3-9099-C40C66FF867C}">
                  <a14:compatExt spid="_x0000_s3498"/>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3499" name="Check Box 427" hidden="1">
              <a:extLst>
                <a:ext uri="{63B3BB69-23CF-44E3-9099-C40C66FF867C}">
                  <a14:compatExt spid="_x0000_s3499"/>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3500" name="Check Box 428" hidden="1">
              <a:extLst>
                <a:ext uri="{63B3BB69-23CF-44E3-9099-C40C66FF867C}">
                  <a14:compatExt spid="_x0000_s3500"/>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3501" name="Check Box 429" hidden="1">
              <a:extLst>
                <a:ext uri="{63B3BB69-23CF-44E3-9099-C40C66FF867C}">
                  <a14:compatExt spid="_x0000_s3501"/>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3502" name="Check Box 430" hidden="1">
              <a:extLst>
                <a:ext uri="{63B3BB69-23CF-44E3-9099-C40C66FF867C}">
                  <a14:compatExt spid="_x0000_s3502"/>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3503" name="Check Box 431" hidden="1">
              <a:extLst>
                <a:ext uri="{63B3BB69-23CF-44E3-9099-C40C66FF867C}">
                  <a14:compatExt spid="_x0000_s3503"/>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3504" name="Check Box 432" hidden="1">
              <a:extLst>
                <a:ext uri="{63B3BB69-23CF-44E3-9099-C40C66FF867C}">
                  <a14:compatExt spid="_x0000_s3504"/>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3505" name="Check Box 433" hidden="1">
              <a:extLst>
                <a:ext uri="{63B3BB69-23CF-44E3-9099-C40C66FF867C}">
                  <a14:compatExt spid="_x0000_s3505"/>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3506" name="Check Box 434" hidden="1">
              <a:extLst>
                <a:ext uri="{63B3BB69-23CF-44E3-9099-C40C66FF867C}">
                  <a14:compatExt spid="_x0000_s3506"/>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3507" name="Check Box 435" hidden="1">
              <a:extLst>
                <a:ext uri="{63B3BB69-23CF-44E3-9099-C40C66FF867C}">
                  <a14:compatExt spid="_x0000_s3507"/>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3508" name="Check Box 436" hidden="1">
              <a:extLst>
                <a:ext uri="{63B3BB69-23CF-44E3-9099-C40C66FF867C}">
                  <a14:compatExt spid="_x0000_s3508"/>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3509" name="Check Box 437" hidden="1">
              <a:extLst>
                <a:ext uri="{63B3BB69-23CF-44E3-9099-C40C66FF867C}">
                  <a14:compatExt spid="_x0000_s3509"/>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3510" name="Check Box 438" hidden="1">
              <a:extLst>
                <a:ext uri="{63B3BB69-23CF-44E3-9099-C40C66FF867C}">
                  <a14:compatExt spid="_x0000_s3510"/>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3511" name="Check Box 439" hidden="1">
              <a:extLst>
                <a:ext uri="{63B3BB69-23CF-44E3-9099-C40C66FF867C}">
                  <a14:compatExt spid="_x0000_s3511"/>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3512" name="Check Box 440" hidden="1">
              <a:extLst>
                <a:ext uri="{63B3BB69-23CF-44E3-9099-C40C66FF867C}">
                  <a14:compatExt spid="_x0000_s3512"/>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3513" name="Check Box 441" hidden="1">
              <a:extLst>
                <a:ext uri="{63B3BB69-23CF-44E3-9099-C40C66FF867C}">
                  <a14:compatExt spid="_x0000_s3513"/>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3514" name="Check Box 442" hidden="1">
              <a:extLst>
                <a:ext uri="{63B3BB69-23CF-44E3-9099-C40C66FF867C}">
                  <a14:compatExt spid="_x0000_s3514"/>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3515" name="Check Box 443" hidden="1">
              <a:extLst>
                <a:ext uri="{63B3BB69-23CF-44E3-9099-C40C66FF867C}">
                  <a14:compatExt spid="_x0000_s3515"/>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3516" name="Check Box 444" hidden="1">
              <a:extLst>
                <a:ext uri="{63B3BB69-23CF-44E3-9099-C40C66FF867C}">
                  <a14:compatExt spid="_x0000_s3516"/>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3517" name="Check Box 445" hidden="1">
              <a:extLst>
                <a:ext uri="{63B3BB69-23CF-44E3-9099-C40C66FF867C}">
                  <a14:compatExt spid="_x0000_s3517"/>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3518" name="Check Box 446" hidden="1">
              <a:extLst>
                <a:ext uri="{63B3BB69-23CF-44E3-9099-C40C66FF867C}">
                  <a14:compatExt spid="_x0000_s3518"/>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3519" name="Check Box 447" hidden="1">
              <a:extLst>
                <a:ext uri="{63B3BB69-23CF-44E3-9099-C40C66FF867C}">
                  <a14:compatExt spid="_x0000_s3519"/>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3520" name="Check Box 448" hidden="1">
              <a:extLst>
                <a:ext uri="{63B3BB69-23CF-44E3-9099-C40C66FF867C}">
                  <a14:compatExt spid="_x0000_s3520"/>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3521" name="Check Box 449" hidden="1">
              <a:extLst>
                <a:ext uri="{63B3BB69-23CF-44E3-9099-C40C66FF867C}">
                  <a14:compatExt spid="_x0000_s3521"/>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3522" name="Check Box 450" hidden="1">
              <a:extLst>
                <a:ext uri="{63B3BB69-23CF-44E3-9099-C40C66FF867C}">
                  <a14:compatExt spid="_x0000_s3522"/>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3523" name="Check Box 451" hidden="1">
              <a:extLst>
                <a:ext uri="{63B3BB69-23CF-44E3-9099-C40C66FF867C}">
                  <a14:compatExt spid="_x0000_s3523"/>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3524" name="Check Box 452" hidden="1">
              <a:extLst>
                <a:ext uri="{63B3BB69-23CF-44E3-9099-C40C66FF867C}">
                  <a14:compatExt spid="_x0000_s3524"/>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3525" name="Check Box 453" hidden="1">
              <a:extLst>
                <a:ext uri="{63B3BB69-23CF-44E3-9099-C40C66FF867C}">
                  <a14:compatExt spid="_x0000_s3525"/>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3526" name="Check Box 454" hidden="1">
              <a:extLst>
                <a:ext uri="{63B3BB69-23CF-44E3-9099-C40C66FF867C}">
                  <a14:compatExt spid="_x0000_s3526"/>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3527" name="Check Box 455" hidden="1">
              <a:extLst>
                <a:ext uri="{63B3BB69-23CF-44E3-9099-C40C66FF867C}">
                  <a14:compatExt spid="_x0000_s3527"/>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3528" name="Check Box 456" hidden="1">
              <a:extLst>
                <a:ext uri="{63B3BB69-23CF-44E3-9099-C40C66FF867C}">
                  <a14:compatExt spid="_x0000_s3528"/>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3529" name="Check Box 457" hidden="1">
              <a:extLst>
                <a:ext uri="{63B3BB69-23CF-44E3-9099-C40C66FF867C}">
                  <a14:compatExt spid="_x0000_s3529"/>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3530" name="Check Box 458" hidden="1">
              <a:extLst>
                <a:ext uri="{63B3BB69-23CF-44E3-9099-C40C66FF867C}">
                  <a14:compatExt spid="_x0000_s3530"/>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3531" name="Check Box 459" hidden="1">
              <a:extLst>
                <a:ext uri="{63B3BB69-23CF-44E3-9099-C40C66FF867C}">
                  <a14:compatExt spid="_x0000_s3531"/>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3532" name="Check Box 460" hidden="1">
              <a:extLst>
                <a:ext uri="{63B3BB69-23CF-44E3-9099-C40C66FF867C}">
                  <a14:compatExt spid="_x0000_s3532"/>
                </a:ext>
                <a:ext uri="{FF2B5EF4-FFF2-40B4-BE49-F238E27FC236}">
                  <a16:creationId xmlns:a16="http://schemas.microsoft.com/office/drawing/2014/main" id="{00000000-0008-0000-0D00-0000D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3533" name="Check Box 461" hidden="1">
              <a:extLst>
                <a:ext uri="{63B3BB69-23CF-44E3-9099-C40C66FF867C}">
                  <a14:compatExt spid="_x0000_s3533"/>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3534" name="Check Box 462" hidden="1">
              <a:extLst>
                <a:ext uri="{63B3BB69-23CF-44E3-9099-C40C66FF867C}">
                  <a14:compatExt spid="_x0000_s3534"/>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3535" name="Check Box 463" hidden="1">
              <a:extLst>
                <a:ext uri="{63B3BB69-23CF-44E3-9099-C40C66FF867C}">
                  <a14:compatExt spid="_x0000_s3535"/>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3536" name="Check Box 464" hidden="1">
              <a:extLst>
                <a:ext uri="{63B3BB69-23CF-44E3-9099-C40C66FF867C}">
                  <a14:compatExt spid="_x0000_s3536"/>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3537" name="Check Box 465" hidden="1">
              <a:extLst>
                <a:ext uri="{63B3BB69-23CF-44E3-9099-C40C66FF867C}">
                  <a14:compatExt spid="_x0000_s3537"/>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3538" name="Check Box 466" hidden="1">
              <a:extLst>
                <a:ext uri="{63B3BB69-23CF-44E3-9099-C40C66FF867C}">
                  <a14:compatExt spid="_x0000_s3538"/>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3539" name="Check Box 467" hidden="1">
              <a:extLst>
                <a:ext uri="{63B3BB69-23CF-44E3-9099-C40C66FF867C}">
                  <a14:compatExt spid="_x0000_s3539"/>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3540" name="Check Box 468" hidden="1">
              <a:extLst>
                <a:ext uri="{63B3BB69-23CF-44E3-9099-C40C66FF867C}">
                  <a14:compatExt spid="_x0000_s3540"/>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3541" name="Check Box 469" hidden="1">
              <a:extLst>
                <a:ext uri="{63B3BB69-23CF-44E3-9099-C40C66FF867C}">
                  <a14:compatExt spid="_x0000_s3541"/>
                </a:ext>
                <a:ext uri="{FF2B5EF4-FFF2-40B4-BE49-F238E27FC236}">
                  <a16:creationId xmlns:a16="http://schemas.microsoft.com/office/drawing/2014/main" id="{00000000-0008-0000-0D00-0000D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3542" name="Check Box 470" hidden="1">
              <a:extLst>
                <a:ext uri="{63B3BB69-23CF-44E3-9099-C40C66FF867C}">
                  <a14:compatExt spid="_x0000_s3542"/>
                </a:ext>
                <a:ext uri="{FF2B5EF4-FFF2-40B4-BE49-F238E27FC236}">
                  <a16:creationId xmlns:a16="http://schemas.microsoft.com/office/drawing/2014/main" id="{00000000-0008-0000-0D00-0000D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3543" name="Check Box 471" hidden="1">
              <a:extLst>
                <a:ext uri="{63B3BB69-23CF-44E3-9099-C40C66FF867C}">
                  <a14:compatExt spid="_x0000_s3543"/>
                </a:ext>
                <a:ext uri="{FF2B5EF4-FFF2-40B4-BE49-F238E27FC236}">
                  <a16:creationId xmlns:a16="http://schemas.microsoft.com/office/drawing/2014/main" id="{00000000-0008-0000-0D00-0000D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3544" name="Check Box 472" hidden="1">
              <a:extLst>
                <a:ext uri="{63B3BB69-23CF-44E3-9099-C40C66FF867C}">
                  <a14:compatExt spid="_x0000_s3544"/>
                </a:ext>
                <a:ext uri="{FF2B5EF4-FFF2-40B4-BE49-F238E27FC236}">
                  <a16:creationId xmlns:a16="http://schemas.microsoft.com/office/drawing/2014/main" id="{00000000-0008-0000-0D00-0000D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3545" name="Check Box 473" hidden="1">
              <a:extLst>
                <a:ext uri="{63B3BB69-23CF-44E3-9099-C40C66FF867C}">
                  <a14:compatExt spid="_x0000_s3545"/>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3546" name="Check Box 474" hidden="1">
              <a:extLst>
                <a:ext uri="{63B3BB69-23CF-44E3-9099-C40C66FF867C}">
                  <a14:compatExt spid="_x0000_s3546"/>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3547" name="Check Box 475" hidden="1">
              <a:extLst>
                <a:ext uri="{63B3BB69-23CF-44E3-9099-C40C66FF867C}">
                  <a14:compatExt spid="_x0000_s3547"/>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3548" name="Check Box 476" hidden="1">
              <a:extLst>
                <a:ext uri="{63B3BB69-23CF-44E3-9099-C40C66FF867C}">
                  <a14:compatExt spid="_x0000_s3548"/>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3549" name="Check Box 477" hidden="1">
              <a:extLst>
                <a:ext uri="{63B3BB69-23CF-44E3-9099-C40C66FF867C}">
                  <a14:compatExt spid="_x0000_s3549"/>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3550" name="Check Box 478" hidden="1">
              <a:extLst>
                <a:ext uri="{63B3BB69-23CF-44E3-9099-C40C66FF867C}">
                  <a14:compatExt spid="_x0000_s3550"/>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3551" name="Check Box 479" hidden="1">
              <a:extLst>
                <a:ext uri="{63B3BB69-23CF-44E3-9099-C40C66FF867C}">
                  <a14:compatExt spid="_x0000_s3551"/>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3552" name="Check Box 480" hidden="1">
              <a:extLst>
                <a:ext uri="{63B3BB69-23CF-44E3-9099-C40C66FF867C}">
                  <a14:compatExt spid="_x0000_s3552"/>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3553" name="Check Box 481" hidden="1">
              <a:extLst>
                <a:ext uri="{63B3BB69-23CF-44E3-9099-C40C66FF867C}">
                  <a14:compatExt spid="_x0000_s3553"/>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3554" name="Check Box 482" hidden="1">
              <a:extLst>
                <a:ext uri="{63B3BB69-23CF-44E3-9099-C40C66FF867C}">
                  <a14:compatExt spid="_x0000_s3554"/>
                </a:ext>
                <a:ext uri="{FF2B5EF4-FFF2-40B4-BE49-F238E27FC236}">
                  <a16:creationId xmlns:a16="http://schemas.microsoft.com/office/drawing/2014/main" id="{00000000-0008-0000-0D00-0000E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3555" name="Check Box 483" hidden="1">
              <a:extLst>
                <a:ext uri="{63B3BB69-23CF-44E3-9099-C40C66FF867C}">
                  <a14:compatExt spid="_x0000_s3555"/>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3556" name="Check Box 484" hidden="1">
              <a:extLst>
                <a:ext uri="{63B3BB69-23CF-44E3-9099-C40C66FF867C}">
                  <a14:compatExt spid="_x0000_s3556"/>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3557" name="Check Box 485" hidden="1">
              <a:extLst>
                <a:ext uri="{63B3BB69-23CF-44E3-9099-C40C66FF867C}">
                  <a14:compatExt spid="_x0000_s3557"/>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3558" name="Check Box 486" hidden="1">
              <a:extLst>
                <a:ext uri="{63B3BB69-23CF-44E3-9099-C40C66FF867C}">
                  <a14:compatExt spid="_x0000_s3558"/>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3559" name="Check Box 487" hidden="1">
              <a:extLst>
                <a:ext uri="{63B3BB69-23CF-44E3-9099-C40C66FF867C}">
                  <a14:compatExt spid="_x0000_s3559"/>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3560" name="Check Box 488" hidden="1">
              <a:extLst>
                <a:ext uri="{63B3BB69-23CF-44E3-9099-C40C66FF867C}">
                  <a14:compatExt spid="_x0000_s3560"/>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3561" name="Check Box 489" hidden="1">
              <a:extLst>
                <a:ext uri="{63B3BB69-23CF-44E3-9099-C40C66FF867C}">
                  <a14:compatExt spid="_x0000_s3561"/>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3562" name="Check Box 490" hidden="1">
              <a:extLst>
                <a:ext uri="{63B3BB69-23CF-44E3-9099-C40C66FF867C}">
                  <a14:compatExt spid="_x0000_s3562"/>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3563" name="Check Box 491" hidden="1">
              <a:extLst>
                <a:ext uri="{63B3BB69-23CF-44E3-9099-C40C66FF867C}">
                  <a14:compatExt spid="_x0000_s3563"/>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49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3564" name="Check Box 492" hidden="1">
              <a:extLst>
                <a:ext uri="{63B3BB69-23CF-44E3-9099-C40C66FF867C}">
                  <a14:compatExt spid="_x0000_s3564"/>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3565" name="Check Box 493" hidden="1">
              <a:extLst>
                <a:ext uri="{63B3BB69-23CF-44E3-9099-C40C66FF867C}">
                  <a14:compatExt spid="_x0000_s3565"/>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3566" name="Check Box 494" hidden="1">
              <a:extLst>
                <a:ext uri="{63B3BB69-23CF-44E3-9099-C40C66FF867C}">
                  <a14:compatExt spid="_x0000_s3566"/>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3567" name="Check Box 495" hidden="1">
              <a:extLst>
                <a:ext uri="{63B3BB69-23CF-44E3-9099-C40C66FF867C}">
                  <a14:compatExt spid="_x0000_s3567"/>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3568" name="Check Box 496" hidden="1">
              <a:extLst>
                <a:ext uri="{63B3BB69-23CF-44E3-9099-C40C66FF867C}">
                  <a14:compatExt spid="_x0000_s3568"/>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3569" name="Check Box 497" hidden="1">
              <a:extLst>
                <a:ext uri="{63B3BB69-23CF-44E3-9099-C40C66FF867C}">
                  <a14:compatExt spid="_x0000_s3569"/>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3570" name="Check Box 498" hidden="1">
              <a:extLst>
                <a:ext uri="{63B3BB69-23CF-44E3-9099-C40C66FF867C}">
                  <a14:compatExt spid="_x0000_s3570"/>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3571" name="Check Box 499" hidden="1">
              <a:extLst>
                <a:ext uri="{63B3BB69-23CF-44E3-9099-C40C66FF867C}">
                  <a14:compatExt spid="_x0000_s3571"/>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3572" name="Check Box 500" hidden="1">
              <a:extLst>
                <a:ext uri="{63B3BB69-23CF-44E3-9099-C40C66FF867C}">
                  <a14:compatExt spid="_x0000_s3572"/>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3573" name="Check Box 501" hidden="1">
              <a:extLst>
                <a:ext uri="{63B3BB69-23CF-44E3-9099-C40C66FF867C}">
                  <a14:compatExt spid="_x0000_s3573"/>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city.yokkaichi.mie.jp\&#20849;&#26377;\&#65320;&#65305;&#26360;&#39006;\&#31309;&#31639;\&#39321;&#20303;&#21271;&#29305;&#20462;&#31309;&#31639;.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Ykst011\$&#26045;&#35373;&#35506;$\&#65320;&#65305;&#26360;&#39006;\&#31309;&#31639;\&#39321;&#20303;&#21271;&#29305;&#20462;&#31309;&#31639;.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Ykst011\$&#26045;&#35373;&#35506;$\&#27231;&#26800;&#35373;&#20633;&#21336;&#20385;&#34920;\H22&#27231;&#26800;&#21336;&#20385;\C&#34907;&#29983;&#22120;&#20855;&#35373;&#20633;2010&#23436;&#25104;.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Ykst011\$&#26045;&#35373;&#35506;$\00&#12487;&#12540;&#12479;\02&#24859;&#30693;&#30476;&#27969;&#22495;\&#20116;&#26465;STP\&#38500;&#22645;&#38500;&#30722;&#35373;&#20633;\&#25968;&#37327;\&#27231;&#26800;&#35373;&#35336;&#26360;060420.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19977;&#21644;&#65297;&#65297;&#24180;&#24230;\&#21512;&#20341;&#65298;&#24037;&#21306;&#35373;&#35336;&#2636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ty.yokkaichi.mie.jp\&#20849;&#26377;\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65300;&#26465;&#65320;27&#26045;&#35373;&#35506;&#25285;&#24403;&#21106;&#65288;H27.4).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kst011\$&#26045;&#35373;&#35506;$\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SAS&#22338;&#27743;&#27700;&#38272;&#22679;&#35373;\&#26157;&#38651;&#12486;&#12483;&#12463;\&#38651;&#27671;&#25968;&#37327;&#38598;&#35336;&#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37329;&#20837;&#35373;&#35336;&#26360;&#65288;&#20195;&#20385;&#34920;&#12469;&#12531;&#12503;&#12523;&#65289;.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12524;&#12483;&#12484;&#12494;&#12540;&#12488;&#65315;&#12489;&#12521;&#12452;&#12502;/&#27744;&#30000;/&#27738;&#27877;/&#65396;&#65400;&#65406;&#65433;311/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ity.yokkaichi.mie.jp\&#20849;&#26377;\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10252DE4\13-1&#65288;&#21029;&#34920;&#31532;&#65300;&#65289;&#26481;&#28023;&#36947;&#32218;&#20057;&#39640;&#24107;&#36947;&#27211;&#12426;&#12423;&#12358;&#25913;&#33391;.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Ykst011\$&#26045;&#35373;&#35506;$\EXCEL_DAT\&#20869;&#35379;&#35336;&#31639;&#26360;\&#21336;&#20385;&#34920;&#12289;&#25490;&#27700;&#26717;&#20195;&#20385;&#3492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335;&#37096;&#35373;&#35336;&#26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4&#26465;\&#39640;&#23822;&#12373;&#12435;\07.01&#24314;&#35373;1&#20418;&#12539;%20&#65320;27&#27010;&#31639;&#35201;&#26395;&#29992;&#12288;.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Ykst011\$&#26045;&#35373;&#35506;$\G&#20849;&#36890;\&#35373;&#35336;&#36039;&#26009;\EXCEL\&#20013;&#20027;\&#24037;&#31243;&#31561;.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069;&#24029;&#24037;&#20107;.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city.yokkaichi.mie.jp\&#20849;&#26377;\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efreshError="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設計書表紙"/>
      <sheetName val="本工事内訳表合併"/>
      <sheetName val="率計算"/>
      <sheetName val="本工事費内訳書補助"/>
      <sheetName val="本工事費内訳書単独"/>
      <sheetName val="Ａ代価 (補)"/>
      <sheetName val="Ｂ代価 (補)"/>
      <sheetName val="Ｃ代価  (補)"/>
      <sheetName val="Ａ代価 (単)"/>
      <sheetName val="Ｂ代価  (単)"/>
      <sheetName val="Ｃ代価  (単)"/>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4"/>
      <sheetName val="公共（補助）A +C+公共（単独） (H27年要望 (3-1)"/>
      <sheetName val="入力データ(H27用シート連動）"/>
      <sheetName val="ブランクSheet1"/>
    </sheetNames>
    <sheetDataSet>
      <sheetData sheetId="0"/>
      <sheetData sheetId="1"/>
      <sheetData sheetId="2">
        <row r="1">
          <cell r="W1" t="str">
            <v>節</v>
          </cell>
          <cell r="AC1" t="str">
            <v>全体設計年度</v>
          </cell>
          <cell r="AI1" t="str">
            <v>各種事業計画名</v>
          </cell>
        </row>
        <row r="3">
          <cell r="A3" t="str">
            <v>処理場</v>
          </cell>
          <cell r="B3" t="str">
            <v>補助</v>
          </cell>
          <cell r="C3" t="str">
            <v>三重県</v>
          </cell>
          <cell r="D3" t="str">
            <v>四日市市</v>
          </cell>
          <cell r="E3" t="str">
            <v>公共</v>
          </cell>
          <cell r="G3" t="str">
            <v>A1</v>
          </cell>
          <cell r="H3">
            <v>1</v>
          </cell>
          <cell r="K3" t="str">
            <v>社資</v>
          </cell>
          <cell r="L3" t="str">
            <v>経営企画課</v>
          </cell>
          <cell r="M3" t="str">
            <v>富田処理分区</v>
          </cell>
          <cell r="S3" t="str">
            <v>汚水</v>
          </cell>
          <cell r="T3" t="str">
            <v>未普及解消</v>
          </cell>
          <cell r="U3" t="str">
            <v>管渠</v>
          </cell>
          <cell r="V3" t="str">
            <v>管渠布設費</v>
          </cell>
          <cell r="W3" t="str">
            <v>委託費</v>
          </cell>
          <cell r="AC3" t="str">
            <v>全体設計　H23-H24</v>
          </cell>
          <cell r="AE3">
            <v>0.5</v>
          </cell>
          <cell r="AI3" t="str">
            <v>H23年度総合地震対策</v>
          </cell>
          <cell r="AK3" t="str">
            <v>新規</v>
          </cell>
          <cell r="AN3" t="str">
            <v>汚水普及促進</v>
          </cell>
        </row>
        <row r="4">
          <cell r="A4" t="str">
            <v>汚水管渠</v>
          </cell>
          <cell r="B4" t="str">
            <v>補助(特環)</v>
          </cell>
          <cell r="E4" t="str">
            <v>都下</v>
          </cell>
          <cell r="G4" t="str">
            <v>A2</v>
          </cell>
          <cell r="H4">
            <v>2</v>
          </cell>
          <cell r="K4" t="str">
            <v>防災</v>
          </cell>
          <cell r="L4" t="str">
            <v>施設課</v>
          </cell>
          <cell r="M4" t="str">
            <v>茂福処理分区</v>
          </cell>
          <cell r="S4" t="str">
            <v>雨水</v>
          </cell>
          <cell r="T4" t="str">
            <v>浸水対策</v>
          </cell>
          <cell r="U4" t="str">
            <v>ポンプ場</v>
          </cell>
          <cell r="V4" t="str">
            <v>ポンプ場築造費</v>
          </cell>
          <cell r="W4" t="str">
            <v>工事費</v>
          </cell>
          <cell r="AC4" t="str">
            <v>全体設計　H23-H25</v>
          </cell>
          <cell r="AE4">
            <v>0.55000000000000004</v>
          </cell>
          <cell r="AI4" t="str">
            <v>H19年度日永ｔｃ建設計画</v>
          </cell>
          <cell r="AK4" t="str">
            <v>継続</v>
          </cell>
          <cell r="AN4" t="str">
            <v>浸水対策事業</v>
          </cell>
        </row>
        <row r="5">
          <cell r="E5" t="str">
            <v>一般</v>
          </cell>
          <cell r="G5" t="str">
            <v>A3</v>
          </cell>
          <cell r="H5">
            <v>3</v>
          </cell>
          <cell r="L5" t="str">
            <v>建設第1係</v>
          </cell>
          <cell r="M5" t="str">
            <v>朝明南処理分区</v>
          </cell>
          <cell r="S5" t="str">
            <v>合流</v>
          </cell>
          <cell r="T5" t="str">
            <v>地震対策</v>
          </cell>
          <cell r="U5" t="str">
            <v>処理場</v>
          </cell>
          <cell r="V5" t="str">
            <v>処理場築造費</v>
          </cell>
          <cell r="W5" t="str">
            <v>補償費</v>
          </cell>
          <cell r="AE5">
            <v>0</v>
          </cell>
          <cell r="AI5" t="str">
            <v>H25年度長寿命化計画</v>
          </cell>
          <cell r="AN5" t="str">
            <v>その他</v>
          </cell>
        </row>
        <row r="6">
          <cell r="A6" t="str">
            <v>雨水ポンプ場</v>
          </cell>
          <cell r="B6" t="str">
            <v>単独</v>
          </cell>
          <cell r="G6" t="str">
            <v>A4</v>
          </cell>
          <cell r="H6">
            <v>4</v>
          </cell>
          <cell r="L6" t="str">
            <v>建設第2係</v>
          </cell>
          <cell r="M6" t="str">
            <v>阿倉川処理分区</v>
          </cell>
          <cell r="T6" t="str">
            <v>水質保全</v>
          </cell>
          <cell r="W6" t="str">
            <v>用地費</v>
          </cell>
          <cell r="AC6" t="str">
            <v>全体設計　H24-H25</v>
          </cell>
          <cell r="AN6" t="str">
            <v>改築更新（長寿命化以外）</v>
          </cell>
        </row>
        <row r="7">
          <cell r="A7" t="str">
            <v>雨水管渠</v>
          </cell>
          <cell r="B7" t="str">
            <v>単独（特環）</v>
          </cell>
          <cell r="H7">
            <v>5</v>
          </cell>
          <cell r="L7" t="str">
            <v>建設第3係</v>
          </cell>
          <cell r="M7" t="str">
            <v>山城処理分区</v>
          </cell>
          <cell r="T7" t="str">
            <v>資源循環</v>
          </cell>
          <cell r="U7" t="str">
            <v>管渠・ポンプ場</v>
          </cell>
          <cell r="V7" t="str">
            <v>固定資産購入費</v>
          </cell>
          <cell r="W7" t="str">
            <v>負担金</v>
          </cell>
          <cell r="AC7" t="str">
            <v>全体設計　H24-H26</v>
          </cell>
          <cell r="AE7">
            <v>0.4</v>
          </cell>
          <cell r="AI7" t="str">
            <v>長寿命化計画（ポンプ場）</v>
          </cell>
          <cell r="AN7" t="str">
            <v>改築更新（地震対策緊急整備）</v>
          </cell>
        </row>
        <row r="8">
          <cell r="A8" t="str">
            <v>施設更新（汚水）</v>
          </cell>
          <cell r="G8" t="str">
            <v>C1</v>
          </cell>
          <cell r="H8">
            <v>6</v>
          </cell>
          <cell r="L8" t="str">
            <v>下水建設課</v>
          </cell>
          <cell r="M8" t="str">
            <v>羽津処理分区</v>
          </cell>
          <cell r="W8" t="str">
            <v>使用料</v>
          </cell>
          <cell r="AI8" t="str">
            <v>長寿命化計画（管路）</v>
          </cell>
          <cell r="AN8" t="str">
            <v>改築更新（総合地震対策）</v>
          </cell>
        </row>
        <row r="9">
          <cell r="A9" t="str">
            <v>施設更新（雨水）</v>
          </cell>
          <cell r="G9" t="str">
            <v>C2</v>
          </cell>
          <cell r="H9">
            <v>7</v>
          </cell>
          <cell r="L9" t="str">
            <v>工務係</v>
          </cell>
          <cell r="M9" t="str">
            <v>三重処理分区</v>
          </cell>
          <cell r="AC9" t="str">
            <v>全体設計　H25-H26</v>
          </cell>
          <cell r="AN9" t="str">
            <v>改築更新（長寿命化）</v>
          </cell>
        </row>
        <row r="10">
          <cell r="A10" t="str">
            <v>地震対策（汚水）</v>
          </cell>
          <cell r="G10" t="str">
            <v>C3</v>
          </cell>
          <cell r="H10">
            <v>8</v>
          </cell>
          <cell r="L10" t="str">
            <v>施設課・下水建設課</v>
          </cell>
          <cell r="M10" t="str">
            <v>広永排水区</v>
          </cell>
          <cell r="AC10" t="str">
            <v>全体設計　H25-H27</v>
          </cell>
        </row>
        <row r="11">
          <cell r="A11" t="str">
            <v>地震対策（雨水）</v>
          </cell>
          <cell r="H11">
            <v>9</v>
          </cell>
          <cell r="M11" t="str">
            <v>常磐排水区</v>
          </cell>
          <cell r="AN11" t="str">
            <v>合流式下水道改善事業</v>
          </cell>
        </row>
        <row r="12">
          <cell r="H12">
            <v>10</v>
          </cell>
          <cell r="M12" t="str">
            <v>橋北排水区</v>
          </cell>
          <cell r="AC12" t="str">
            <v>全体設計　H26-H27</v>
          </cell>
          <cell r="AN12" t="str">
            <v>水質保全</v>
          </cell>
        </row>
        <row r="13">
          <cell r="A13" t="str">
            <v>合流改善</v>
          </cell>
          <cell r="H13">
            <v>11</v>
          </cell>
          <cell r="M13" t="str">
            <v>納屋排水区</v>
          </cell>
          <cell r="AC13" t="str">
            <v>全体設計　H26-H28</v>
          </cell>
          <cell r="AN13" t="str">
            <v>資源循環</v>
          </cell>
        </row>
        <row r="14">
          <cell r="H14">
            <v>12</v>
          </cell>
          <cell r="M14" t="str">
            <v>川島第１地区</v>
          </cell>
          <cell r="AN14" t="str">
            <v>地震対策</v>
          </cell>
        </row>
        <row r="15">
          <cell r="H15">
            <v>13</v>
          </cell>
          <cell r="M15" t="str">
            <v>川島第２地区</v>
          </cell>
          <cell r="AC15" t="str">
            <v>全体設計　H27-H28</v>
          </cell>
          <cell r="AN15" t="str">
            <v>自治会要望</v>
          </cell>
        </row>
        <row r="16">
          <cell r="H16">
            <v>14</v>
          </cell>
          <cell r="M16" t="str">
            <v>桜西地区</v>
          </cell>
          <cell r="AC16" t="str">
            <v>全体設計　H27-H29</v>
          </cell>
        </row>
        <row r="17">
          <cell r="H17">
            <v>15</v>
          </cell>
          <cell r="M17" t="str">
            <v>納屋・阿瀬知排水区</v>
          </cell>
        </row>
        <row r="18">
          <cell r="H18">
            <v>16</v>
          </cell>
          <cell r="M18" t="str">
            <v>阿瀬知・常磐排水区</v>
          </cell>
          <cell r="AC18" t="str">
            <v>ゼロ債</v>
          </cell>
        </row>
        <row r="19">
          <cell r="H19">
            <v>17</v>
          </cell>
          <cell r="M19" t="str">
            <v>単独</v>
          </cell>
        </row>
        <row r="20">
          <cell r="H20">
            <v>18</v>
          </cell>
          <cell r="M20" t="str">
            <v>流関（北部）</v>
          </cell>
        </row>
        <row r="21">
          <cell r="H21">
            <v>19</v>
          </cell>
          <cell r="M21" t="str">
            <v>流関（南部）</v>
          </cell>
        </row>
        <row r="22">
          <cell r="H22">
            <v>20</v>
          </cell>
          <cell r="M22" t="str">
            <v>南川・南五味塚排水区</v>
          </cell>
        </row>
        <row r="23">
          <cell r="H23">
            <v>21</v>
          </cell>
          <cell r="M23" t="str">
            <v>江川排水区</v>
          </cell>
        </row>
        <row r="24">
          <cell r="H24">
            <v>22</v>
          </cell>
          <cell r="M24" t="str">
            <v>塩浜排水区</v>
          </cell>
        </row>
        <row r="25">
          <cell r="H25">
            <v>23</v>
          </cell>
          <cell r="M25" t="str">
            <v>日永処理区</v>
          </cell>
        </row>
        <row r="26">
          <cell r="H26">
            <v>24</v>
          </cell>
          <cell r="M26" t="str">
            <v>河原田西処理分区</v>
          </cell>
        </row>
        <row r="27">
          <cell r="H27">
            <v>25</v>
          </cell>
          <cell r="M27" t="str">
            <v>笹川第１地区</v>
          </cell>
        </row>
        <row r="28">
          <cell r="H28">
            <v>26</v>
          </cell>
          <cell r="M28" t="str">
            <v>笹川第２地区</v>
          </cell>
        </row>
        <row r="29">
          <cell r="H29">
            <v>27</v>
          </cell>
          <cell r="M29" t="str">
            <v>笹川第３地区</v>
          </cell>
        </row>
        <row r="30">
          <cell r="H30">
            <v>28</v>
          </cell>
          <cell r="M30" t="str">
            <v>笹川第４地区</v>
          </cell>
        </row>
        <row r="31">
          <cell r="H31">
            <v>29</v>
          </cell>
          <cell r="M31" t="str">
            <v>笹川第５地区</v>
          </cell>
        </row>
        <row r="32">
          <cell r="H32">
            <v>30</v>
          </cell>
          <cell r="M32" t="str">
            <v>あかつき処理分区</v>
          </cell>
        </row>
        <row r="33">
          <cell r="H33">
            <v>31</v>
          </cell>
          <cell r="M33" t="str">
            <v>北部処理区</v>
          </cell>
        </row>
        <row r="34">
          <cell r="H34">
            <v>32</v>
          </cell>
          <cell r="M34" t="str">
            <v>南部処理区</v>
          </cell>
        </row>
        <row r="35">
          <cell r="H35">
            <v>33</v>
          </cell>
          <cell r="M35" t="str">
            <v>市内一円</v>
          </cell>
        </row>
        <row r="36">
          <cell r="H36">
            <v>34</v>
          </cell>
          <cell r="M36" t="str">
            <v>茂福排水区</v>
          </cell>
        </row>
        <row r="37">
          <cell r="H37">
            <v>35</v>
          </cell>
          <cell r="M37" t="str">
            <v>羽津排水区</v>
          </cell>
        </row>
        <row r="38">
          <cell r="H38">
            <v>36</v>
          </cell>
          <cell r="M38" t="str">
            <v>羽津茂福排水区</v>
          </cell>
        </row>
        <row r="39">
          <cell r="H39">
            <v>37</v>
          </cell>
          <cell r="M39" t="str">
            <v>河原田排水区</v>
          </cell>
        </row>
        <row r="40">
          <cell r="H40">
            <v>38</v>
          </cell>
          <cell r="M40" t="str">
            <v>阿瀬知排水区</v>
          </cell>
        </row>
        <row r="41">
          <cell r="H41">
            <v>39</v>
          </cell>
        </row>
        <row r="42">
          <cell r="H42">
            <v>40</v>
          </cell>
          <cell r="M42" t="str">
            <v>流関　北部</v>
          </cell>
        </row>
        <row r="43">
          <cell r="H43">
            <v>41</v>
          </cell>
          <cell r="M43" t="str">
            <v>流関　南部</v>
          </cell>
        </row>
        <row r="44">
          <cell r="H44">
            <v>42</v>
          </cell>
          <cell r="M44" t="str">
            <v>単独公共</v>
          </cell>
        </row>
        <row r="45">
          <cell r="H45">
            <v>43</v>
          </cell>
        </row>
        <row r="46">
          <cell r="H46">
            <v>44</v>
          </cell>
          <cell r="M46" t="str">
            <v>起債対象外</v>
          </cell>
        </row>
        <row r="47">
          <cell r="H47">
            <v>45</v>
          </cell>
        </row>
        <row r="48">
          <cell r="H48">
            <v>46</v>
          </cell>
          <cell r="M48" t="str">
            <v>南部第２地区</v>
          </cell>
        </row>
        <row r="49">
          <cell r="H49">
            <v>47</v>
          </cell>
          <cell r="M49" t="str">
            <v>磯津修理分区</v>
          </cell>
        </row>
        <row r="50">
          <cell r="H50">
            <v>48</v>
          </cell>
        </row>
        <row r="51">
          <cell r="H51">
            <v>49</v>
          </cell>
          <cell r="M51" t="str">
            <v>朝明都市下水路</v>
          </cell>
        </row>
        <row r="52">
          <cell r="H52">
            <v>50</v>
          </cell>
        </row>
      </sheetData>
      <sheetData sheetId="3"/>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
      <sheetName val="入力データ(H27用シート連動）"/>
      <sheetName val="ブランクSheet1"/>
      <sheetName val="公共（補助）A +C+公共（単独） (H26年当初・見本"/>
    </sheetNames>
    <sheetDataSet>
      <sheetData sheetId="0" refreshError="1"/>
      <sheetData sheetId="1" refreshError="1">
        <row r="3">
          <cell r="S3" t="str">
            <v>汚水</v>
          </cell>
        </row>
        <row r="4">
          <cell r="S4" t="str">
            <v>雨水</v>
          </cell>
        </row>
        <row r="5">
          <cell r="S5" t="str">
            <v>合流</v>
          </cell>
        </row>
      </sheetData>
      <sheetData sheetId="2" refreshError="1"/>
      <sheetData sheetId="3" refreshError="1"/>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17" Type="http://schemas.openxmlformats.org/officeDocument/2006/relationships/ctrlProp" Target="../ctrlProps/ctrlProp114.xml"/><Relationship Id="rId299" Type="http://schemas.openxmlformats.org/officeDocument/2006/relationships/ctrlProp" Target="../ctrlProps/ctrlProp296.xml"/><Relationship Id="rId21" Type="http://schemas.openxmlformats.org/officeDocument/2006/relationships/ctrlProp" Target="../ctrlProps/ctrlProp18.xml"/><Relationship Id="rId63" Type="http://schemas.openxmlformats.org/officeDocument/2006/relationships/ctrlProp" Target="../ctrlProps/ctrlProp60.xml"/><Relationship Id="rId159" Type="http://schemas.openxmlformats.org/officeDocument/2006/relationships/ctrlProp" Target="../ctrlProps/ctrlProp156.xml"/><Relationship Id="rId324" Type="http://schemas.openxmlformats.org/officeDocument/2006/relationships/ctrlProp" Target="../ctrlProps/ctrlProp321.xml"/><Relationship Id="rId366" Type="http://schemas.openxmlformats.org/officeDocument/2006/relationships/ctrlProp" Target="../ctrlProps/ctrlProp363.xml"/><Relationship Id="rId170" Type="http://schemas.openxmlformats.org/officeDocument/2006/relationships/ctrlProp" Target="../ctrlProps/ctrlProp167.xml"/><Relationship Id="rId226" Type="http://schemas.openxmlformats.org/officeDocument/2006/relationships/ctrlProp" Target="../ctrlProps/ctrlProp223.xml"/><Relationship Id="rId433" Type="http://schemas.openxmlformats.org/officeDocument/2006/relationships/ctrlProp" Target="../ctrlProps/ctrlProp430.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74" Type="http://schemas.openxmlformats.org/officeDocument/2006/relationships/ctrlProp" Target="../ctrlProps/ctrlProp71.xml"/><Relationship Id="rId128" Type="http://schemas.openxmlformats.org/officeDocument/2006/relationships/ctrlProp" Target="../ctrlProps/ctrlProp125.xml"/><Relationship Id="rId335" Type="http://schemas.openxmlformats.org/officeDocument/2006/relationships/ctrlProp" Target="../ctrlProps/ctrlProp332.xml"/><Relationship Id="rId377" Type="http://schemas.openxmlformats.org/officeDocument/2006/relationships/ctrlProp" Target="../ctrlProps/ctrlProp374.xml"/><Relationship Id="rId500" Type="http://schemas.openxmlformats.org/officeDocument/2006/relationships/ctrlProp" Target="../ctrlProps/ctrlProp497.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248" Type="http://schemas.openxmlformats.org/officeDocument/2006/relationships/ctrlProp" Target="../ctrlProps/ctrlProp245.xml"/><Relationship Id="rId455" Type="http://schemas.openxmlformats.org/officeDocument/2006/relationships/ctrlProp" Target="../ctrlProps/ctrlProp452.xml"/><Relationship Id="rId497" Type="http://schemas.openxmlformats.org/officeDocument/2006/relationships/ctrlProp" Target="../ctrlProps/ctrlProp494.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281" Type="http://schemas.openxmlformats.org/officeDocument/2006/relationships/ctrlProp" Target="../ctrlProps/ctrlProp278.xml"/><Relationship Id="rId337" Type="http://schemas.openxmlformats.org/officeDocument/2006/relationships/ctrlProp" Target="../ctrlProps/ctrlProp334.xml"/><Relationship Id="rId502" Type="http://schemas.openxmlformats.org/officeDocument/2006/relationships/ctrlProp" Target="../ctrlProps/ctrlProp499.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250" Type="http://schemas.openxmlformats.org/officeDocument/2006/relationships/ctrlProp" Target="../ctrlProps/ctrlProp247.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327" Type="http://schemas.openxmlformats.org/officeDocument/2006/relationships/ctrlProp" Target="../ctrlProps/ctrlProp324.xml"/><Relationship Id="rId348" Type="http://schemas.openxmlformats.org/officeDocument/2006/relationships/ctrlProp" Target="../ctrlProps/ctrlProp345.xml"/><Relationship Id="rId369" Type="http://schemas.openxmlformats.org/officeDocument/2006/relationships/ctrlProp" Target="../ctrlProps/ctrlProp366.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380" Type="http://schemas.openxmlformats.org/officeDocument/2006/relationships/ctrlProp" Target="../ctrlProps/ctrlProp377.xml"/><Relationship Id="rId415" Type="http://schemas.openxmlformats.org/officeDocument/2006/relationships/ctrlProp" Target="../ctrlProps/ctrlProp412.xml"/><Relationship Id="rId436" Type="http://schemas.openxmlformats.org/officeDocument/2006/relationships/ctrlProp" Target="../ctrlProps/ctrlProp433.xml"/><Relationship Id="rId457" Type="http://schemas.openxmlformats.org/officeDocument/2006/relationships/ctrlProp" Target="../ctrlProps/ctrlProp454.xml"/><Relationship Id="rId240" Type="http://schemas.openxmlformats.org/officeDocument/2006/relationships/ctrlProp" Target="../ctrlProps/ctrlProp237.xml"/><Relationship Id="rId261" Type="http://schemas.openxmlformats.org/officeDocument/2006/relationships/ctrlProp" Target="../ctrlProps/ctrlProp258.xml"/><Relationship Id="rId478" Type="http://schemas.openxmlformats.org/officeDocument/2006/relationships/ctrlProp" Target="../ctrlProps/ctrlProp475.xml"/><Relationship Id="rId499" Type="http://schemas.openxmlformats.org/officeDocument/2006/relationships/ctrlProp" Target="../ctrlProps/ctrlProp496.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17" Type="http://schemas.openxmlformats.org/officeDocument/2006/relationships/ctrlProp" Target="../ctrlProps/ctrlProp314.xml"/><Relationship Id="rId338" Type="http://schemas.openxmlformats.org/officeDocument/2006/relationships/ctrlProp" Target="../ctrlProps/ctrlProp335.xml"/><Relationship Id="rId359" Type="http://schemas.openxmlformats.org/officeDocument/2006/relationships/ctrlProp" Target="../ctrlProps/ctrlProp356.xml"/><Relationship Id="rId503" Type="http://schemas.openxmlformats.org/officeDocument/2006/relationships/ctrlProp" Target="../ctrlProps/ctrlProp500.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370" Type="http://schemas.openxmlformats.org/officeDocument/2006/relationships/ctrlProp" Target="../ctrlProps/ctrlProp367.xml"/><Relationship Id="rId391" Type="http://schemas.openxmlformats.org/officeDocument/2006/relationships/ctrlProp" Target="../ctrlProps/ctrlProp388.xml"/><Relationship Id="rId405" Type="http://schemas.openxmlformats.org/officeDocument/2006/relationships/ctrlProp" Target="../ctrlProps/ctrlProp402.xml"/><Relationship Id="rId426" Type="http://schemas.openxmlformats.org/officeDocument/2006/relationships/ctrlProp" Target="../ctrlProps/ctrlProp423.xml"/><Relationship Id="rId447" Type="http://schemas.openxmlformats.org/officeDocument/2006/relationships/ctrlProp" Target="../ctrlProps/ctrlProp444.xml"/><Relationship Id="rId230" Type="http://schemas.openxmlformats.org/officeDocument/2006/relationships/ctrlProp" Target="../ctrlProps/ctrlProp227.xml"/><Relationship Id="rId251" Type="http://schemas.openxmlformats.org/officeDocument/2006/relationships/ctrlProp" Target="../ctrlProps/ctrlProp248.xml"/><Relationship Id="rId468" Type="http://schemas.openxmlformats.org/officeDocument/2006/relationships/ctrlProp" Target="../ctrlProps/ctrlProp465.xml"/><Relationship Id="rId489" Type="http://schemas.openxmlformats.org/officeDocument/2006/relationships/ctrlProp" Target="../ctrlProps/ctrlProp486.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272" Type="http://schemas.openxmlformats.org/officeDocument/2006/relationships/ctrlProp" Target="../ctrlProps/ctrlProp269.xml"/><Relationship Id="rId293" Type="http://schemas.openxmlformats.org/officeDocument/2006/relationships/ctrlProp" Target="../ctrlProps/ctrlProp290.xml"/><Relationship Id="rId307" Type="http://schemas.openxmlformats.org/officeDocument/2006/relationships/ctrlProp" Target="../ctrlProps/ctrlProp304.xml"/><Relationship Id="rId328" Type="http://schemas.openxmlformats.org/officeDocument/2006/relationships/ctrlProp" Target="../ctrlProps/ctrlProp325.xml"/><Relationship Id="rId349" Type="http://schemas.openxmlformats.org/officeDocument/2006/relationships/ctrlProp" Target="../ctrlProps/ctrlProp346.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381" Type="http://schemas.openxmlformats.org/officeDocument/2006/relationships/ctrlProp" Target="../ctrlProps/ctrlProp378.xml"/><Relationship Id="rId416" Type="http://schemas.openxmlformats.org/officeDocument/2006/relationships/ctrlProp" Target="../ctrlProps/ctrlProp413.xml"/><Relationship Id="rId220" Type="http://schemas.openxmlformats.org/officeDocument/2006/relationships/ctrlProp" Target="../ctrlProps/ctrlProp217.xml"/><Relationship Id="rId241" Type="http://schemas.openxmlformats.org/officeDocument/2006/relationships/ctrlProp" Target="../ctrlProps/ctrlProp238.xml"/><Relationship Id="rId437" Type="http://schemas.openxmlformats.org/officeDocument/2006/relationships/ctrlProp" Target="../ctrlProps/ctrlProp434.xml"/><Relationship Id="rId458" Type="http://schemas.openxmlformats.org/officeDocument/2006/relationships/ctrlProp" Target="../ctrlProps/ctrlProp455.xml"/><Relationship Id="rId479" Type="http://schemas.openxmlformats.org/officeDocument/2006/relationships/ctrlProp" Target="../ctrlProps/ctrlProp476.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262" Type="http://schemas.openxmlformats.org/officeDocument/2006/relationships/ctrlProp" Target="../ctrlProps/ctrlProp259.xml"/><Relationship Id="rId283" Type="http://schemas.openxmlformats.org/officeDocument/2006/relationships/ctrlProp" Target="../ctrlProps/ctrlProp280.xml"/><Relationship Id="rId318" Type="http://schemas.openxmlformats.org/officeDocument/2006/relationships/ctrlProp" Target="../ctrlProps/ctrlProp315.xml"/><Relationship Id="rId339" Type="http://schemas.openxmlformats.org/officeDocument/2006/relationships/ctrlProp" Target="../ctrlProps/ctrlProp336.xml"/><Relationship Id="rId490" Type="http://schemas.openxmlformats.org/officeDocument/2006/relationships/ctrlProp" Target="../ctrlProps/ctrlProp487.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350" Type="http://schemas.openxmlformats.org/officeDocument/2006/relationships/ctrlProp" Target="../ctrlProps/ctrlProp347.xml"/><Relationship Id="rId371" Type="http://schemas.openxmlformats.org/officeDocument/2006/relationships/ctrlProp" Target="../ctrlProps/ctrlProp368.xml"/><Relationship Id="rId406" Type="http://schemas.openxmlformats.org/officeDocument/2006/relationships/ctrlProp" Target="../ctrlProps/ctrlProp403.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27" Type="http://schemas.openxmlformats.org/officeDocument/2006/relationships/ctrlProp" Target="../ctrlProps/ctrlProp424.xml"/><Relationship Id="rId448" Type="http://schemas.openxmlformats.org/officeDocument/2006/relationships/ctrlProp" Target="../ctrlProps/ctrlProp445.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294" Type="http://schemas.openxmlformats.org/officeDocument/2006/relationships/ctrlProp" Target="../ctrlProps/ctrlProp291.xml"/><Relationship Id="rId308" Type="http://schemas.openxmlformats.org/officeDocument/2006/relationships/ctrlProp" Target="../ctrlProps/ctrlProp305.xml"/><Relationship Id="rId329" Type="http://schemas.openxmlformats.org/officeDocument/2006/relationships/ctrlProp" Target="../ctrlProps/ctrlProp326.xml"/><Relationship Id="rId480" Type="http://schemas.openxmlformats.org/officeDocument/2006/relationships/ctrlProp" Target="../ctrlProps/ctrlProp477.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340" Type="http://schemas.openxmlformats.org/officeDocument/2006/relationships/ctrlProp" Target="../ctrlProps/ctrlProp337.xml"/><Relationship Id="rId361" Type="http://schemas.openxmlformats.org/officeDocument/2006/relationships/ctrlProp" Target="../ctrlProps/ctrlProp358.xml"/><Relationship Id="rId196" Type="http://schemas.openxmlformats.org/officeDocument/2006/relationships/ctrlProp" Target="../ctrlProps/ctrlProp193.xml"/><Relationship Id="rId200" Type="http://schemas.openxmlformats.org/officeDocument/2006/relationships/ctrlProp" Target="../ctrlProps/ctrlProp197.xml"/><Relationship Id="rId382" Type="http://schemas.openxmlformats.org/officeDocument/2006/relationships/ctrlProp" Target="../ctrlProps/ctrlProp379.xml"/><Relationship Id="rId417" Type="http://schemas.openxmlformats.org/officeDocument/2006/relationships/ctrlProp" Target="../ctrlProps/ctrlProp414.xml"/><Relationship Id="rId438" Type="http://schemas.openxmlformats.org/officeDocument/2006/relationships/ctrlProp" Target="../ctrlProps/ctrlProp435.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19" Type="http://schemas.openxmlformats.org/officeDocument/2006/relationships/ctrlProp" Target="../ctrlProps/ctrlProp316.xml"/><Relationship Id="rId470" Type="http://schemas.openxmlformats.org/officeDocument/2006/relationships/ctrlProp" Target="../ctrlProps/ctrlProp467.xml"/><Relationship Id="rId491" Type="http://schemas.openxmlformats.org/officeDocument/2006/relationships/ctrlProp" Target="../ctrlProps/ctrlProp488.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330" Type="http://schemas.openxmlformats.org/officeDocument/2006/relationships/ctrlProp" Target="../ctrlProps/ctrlProp327.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351" Type="http://schemas.openxmlformats.org/officeDocument/2006/relationships/ctrlProp" Target="../ctrlProps/ctrlProp348.xml"/><Relationship Id="rId372" Type="http://schemas.openxmlformats.org/officeDocument/2006/relationships/ctrlProp" Target="../ctrlProps/ctrlProp369.xml"/><Relationship Id="rId393" Type="http://schemas.openxmlformats.org/officeDocument/2006/relationships/ctrlProp" Target="../ctrlProps/ctrlProp390.xml"/><Relationship Id="rId407" Type="http://schemas.openxmlformats.org/officeDocument/2006/relationships/ctrlProp" Target="../ctrlProps/ctrlProp404.xml"/><Relationship Id="rId428" Type="http://schemas.openxmlformats.org/officeDocument/2006/relationships/ctrlProp" Target="../ctrlProps/ctrlProp425.xml"/><Relationship Id="rId449" Type="http://schemas.openxmlformats.org/officeDocument/2006/relationships/ctrlProp" Target="../ctrlProps/ctrlProp446.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481" Type="http://schemas.openxmlformats.org/officeDocument/2006/relationships/ctrlProp" Target="../ctrlProps/ctrlProp478.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320" Type="http://schemas.openxmlformats.org/officeDocument/2006/relationships/ctrlProp" Target="../ctrlProps/ctrlProp317.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341" Type="http://schemas.openxmlformats.org/officeDocument/2006/relationships/ctrlProp" Target="../ctrlProps/ctrlProp338.xml"/><Relationship Id="rId362" Type="http://schemas.openxmlformats.org/officeDocument/2006/relationships/ctrlProp" Target="../ctrlProps/ctrlProp359.xml"/><Relationship Id="rId383" Type="http://schemas.openxmlformats.org/officeDocument/2006/relationships/ctrlProp" Target="../ctrlProps/ctrlProp380.xml"/><Relationship Id="rId418" Type="http://schemas.openxmlformats.org/officeDocument/2006/relationships/ctrlProp" Target="../ctrlProps/ctrlProp415.xml"/><Relationship Id="rId439" Type="http://schemas.openxmlformats.org/officeDocument/2006/relationships/ctrlProp" Target="../ctrlProps/ctrlProp436.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450" Type="http://schemas.openxmlformats.org/officeDocument/2006/relationships/ctrlProp" Target="../ctrlProps/ctrlProp447.xml"/><Relationship Id="rId471" Type="http://schemas.openxmlformats.org/officeDocument/2006/relationships/ctrlProp" Target="../ctrlProps/ctrlProp468.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310" Type="http://schemas.openxmlformats.org/officeDocument/2006/relationships/ctrlProp" Target="../ctrlProps/ctrlProp307.xml"/><Relationship Id="rId492" Type="http://schemas.openxmlformats.org/officeDocument/2006/relationships/ctrlProp" Target="../ctrlProps/ctrlProp489.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331" Type="http://schemas.openxmlformats.org/officeDocument/2006/relationships/ctrlProp" Target="../ctrlProps/ctrlProp328.xml"/><Relationship Id="rId352" Type="http://schemas.openxmlformats.org/officeDocument/2006/relationships/ctrlProp" Target="../ctrlProps/ctrlProp349.xml"/><Relationship Id="rId373" Type="http://schemas.openxmlformats.org/officeDocument/2006/relationships/ctrlProp" Target="../ctrlProps/ctrlProp370.xml"/><Relationship Id="rId394" Type="http://schemas.openxmlformats.org/officeDocument/2006/relationships/ctrlProp" Target="../ctrlProps/ctrlProp391.xml"/><Relationship Id="rId408" Type="http://schemas.openxmlformats.org/officeDocument/2006/relationships/ctrlProp" Target="../ctrlProps/ctrlProp405.xml"/><Relationship Id="rId429" Type="http://schemas.openxmlformats.org/officeDocument/2006/relationships/ctrlProp" Target="../ctrlProps/ctrlProp426.xml"/><Relationship Id="rId1" Type="http://schemas.openxmlformats.org/officeDocument/2006/relationships/printerSettings" Target="../printerSettings/printerSettings10.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440" Type="http://schemas.openxmlformats.org/officeDocument/2006/relationships/ctrlProp" Target="../ctrlProps/ctrlProp437.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296" Type="http://schemas.openxmlformats.org/officeDocument/2006/relationships/ctrlProp" Target="../ctrlProps/ctrlProp293.xml"/><Relationship Id="rId300" Type="http://schemas.openxmlformats.org/officeDocument/2006/relationships/ctrlProp" Target="../ctrlProps/ctrlProp297.xml"/><Relationship Id="rId461" Type="http://schemas.openxmlformats.org/officeDocument/2006/relationships/ctrlProp" Target="../ctrlProps/ctrlProp458.xml"/><Relationship Id="rId482" Type="http://schemas.openxmlformats.org/officeDocument/2006/relationships/ctrlProp" Target="../ctrlProps/ctrlProp479.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321" Type="http://schemas.openxmlformats.org/officeDocument/2006/relationships/ctrlProp" Target="../ctrlProps/ctrlProp318.xml"/><Relationship Id="rId342" Type="http://schemas.openxmlformats.org/officeDocument/2006/relationships/ctrlProp" Target="../ctrlProps/ctrlProp339.xml"/><Relationship Id="rId363" Type="http://schemas.openxmlformats.org/officeDocument/2006/relationships/ctrlProp" Target="../ctrlProps/ctrlProp360.xml"/><Relationship Id="rId384" Type="http://schemas.openxmlformats.org/officeDocument/2006/relationships/ctrlProp" Target="../ctrlProps/ctrlProp381.xml"/><Relationship Id="rId419" Type="http://schemas.openxmlformats.org/officeDocument/2006/relationships/ctrlProp" Target="../ctrlProps/ctrlProp416.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430" Type="http://schemas.openxmlformats.org/officeDocument/2006/relationships/ctrlProp" Target="../ctrlProps/ctrlProp427.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286" Type="http://schemas.openxmlformats.org/officeDocument/2006/relationships/ctrlProp" Target="../ctrlProps/ctrlProp283.xml"/><Relationship Id="rId451" Type="http://schemas.openxmlformats.org/officeDocument/2006/relationships/ctrlProp" Target="../ctrlProps/ctrlProp448.xml"/><Relationship Id="rId472" Type="http://schemas.openxmlformats.org/officeDocument/2006/relationships/ctrlProp" Target="../ctrlProps/ctrlProp469.xml"/><Relationship Id="rId493" Type="http://schemas.openxmlformats.org/officeDocument/2006/relationships/ctrlProp" Target="../ctrlProps/ctrlProp490.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311" Type="http://schemas.openxmlformats.org/officeDocument/2006/relationships/ctrlProp" Target="../ctrlProps/ctrlProp308.xml"/><Relationship Id="rId332" Type="http://schemas.openxmlformats.org/officeDocument/2006/relationships/ctrlProp" Target="../ctrlProps/ctrlProp329.xml"/><Relationship Id="rId353" Type="http://schemas.openxmlformats.org/officeDocument/2006/relationships/ctrlProp" Target="../ctrlProps/ctrlProp350.xml"/><Relationship Id="rId374" Type="http://schemas.openxmlformats.org/officeDocument/2006/relationships/ctrlProp" Target="../ctrlProps/ctrlProp371.xml"/><Relationship Id="rId395" Type="http://schemas.openxmlformats.org/officeDocument/2006/relationships/ctrlProp" Target="../ctrlProps/ctrlProp392.xml"/><Relationship Id="rId409" Type="http://schemas.openxmlformats.org/officeDocument/2006/relationships/ctrlProp" Target="../ctrlProps/ctrlProp406.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420" Type="http://schemas.openxmlformats.org/officeDocument/2006/relationships/ctrlProp" Target="../ctrlProps/ctrlProp417.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276" Type="http://schemas.openxmlformats.org/officeDocument/2006/relationships/ctrlProp" Target="../ctrlProps/ctrlProp273.xml"/><Relationship Id="rId297" Type="http://schemas.openxmlformats.org/officeDocument/2006/relationships/ctrlProp" Target="../ctrlProps/ctrlProp294.xml"/><Relationship Id="rId441" Type="http://schemas.openxmlformats.org/officeDocument/2006/relationships/ctrlProp" Target="../ctrlProps/ctrlProp438.xml"/><Relationship Id="rId462" Type="http://schemas.openxmlformats.org/officeDocument/2006/relationships/ctrlProp" Target="../ctrlProps/ctrlProp459.xml"/><Relationship Id="rId483" Type="http://schemas.openxmlformats.org/officeDocument/2006/relationships/ctrlProp" Target="../ctrlProps/ctrlProp480.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301" Type="http://schemas.openxmlformats.org/officeDocument/2006/relationships/ctrlProp" Target="../ctrlProps/ctrlProp298.xml"/><Relationship Id="rId322" Type="http://schemas.openxmlformats.org/officeDocument/2006/relationships/ctrlProp" Target="../ctrlProps/ctrlProp319.xml"/><Relationship Id="rId343" Type="http://schemas.openxmlformats.org/officeDocument/2006/relationships/ctrlProp" Target="../ctrlProps/ctrlProp340.xml"/><Relationship Id="rId364" Type="http://schemas.openxmlformats.org/officeDocument/2006/relationships/ctrlProp" Target="../ctrlProps/ctrlProp361.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385" Type="http://schemas.openxmlformats.org/officeDocument/2006/relationships/ctrlProp" Target="../ctrlProps/ctrlProp382.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266" Type="http://schemas.openxmlformats.org/officeDocument/2006/relationships/ctrlProp" Target="../ctrlProps/ctrlProp263.xml"/><Relationship Id="rId287" Type="http://schemas.openxmlformats.org/officeDocument/2006/relationships/ctrlProp" Target="../ctrlProps/ctrlProp284.xml"/><Relationship Id="rId410" Type="http://schemas.openxmlformats.org/officeDocument/2006/relationships/ctrlProp" Target="../ctrlProps/ctrlProp407.xml"/><Relationship Id="rId431" Type="http://schemas.openxmlformats.org/officeDocument/2006/relationships/ctrlProp" Target="../ctrlProps/ctrlProp428.xml"/><Relationship Id="rId452" Type="http://schemas.openxmlformats.org/officeDocument/2006/relationships/ctrlProp" Target="../ctrlProps/ctrlProp449.xml"/><Relationship Id="rId473" Type="http://schemas.openxmlformats.org/officeDocument/2006/relationships/ctrlProp" Target="../ctrlProps/ctrlProp470.xml"/><Relationship Id="rId494" Type="http://schemas.openxmlformats.org/officeDocument/2006/relationships/ctrlProp" Target="../ctrlProps/ctrlProp491.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312" Type="http://schemas.openxmlformats.org/officeDocument/2006/relationships/ctrlProp" Target="../ctrlProps/ctrlProp309.xml"/><Relationship Id="rId333" Type="http://schemas.openxmlformats.org/officeDocument/2006/relationships/ctrlProp" Target="../ctrlProps/ctrlProp330.xml"/><Relationship Id="rId354" Type="http://schemas.openxmlformats.org/officeDocument/2006/relationships/ctrlProp" Target="../ctrlProps/ctrlProp351.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75" Type="http://schemas.openxmlformats.org/officeDocument/2006/relationships/ctrlProp" Target="../ctrlProps/ctrlProp372.xml"/><Relationship Id="rId396" Type="http://schemas.openxmlformats.org/officeDocument/2006/relationships/ctrlProp" Target="../ctrlProps/ctrlProp393.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277" Type="http://schemas.openxmlformats.org/officeDocument/2006/relationships/ctrlProp" Target="../ctrlProps/ctrlProp274.xml"/><Relationship Id="rId298" Type="http://schemas.openxmlformats.org/officeDocument/2006/relationships/ctrlProp" Target="../ctrlProps/ctrlProp295.xml"/><Relationship Id="rId400" Type="http://schemas.openxmlformats.org/officeDocument/2006/relationships/ctrlProp" Target="../ctrlProps/ctrlProp397.xml"/><Relationship Id="rId421" Type="http://schemas.openxmlformats.org/officeDocument/2006/relationships/ctrlProp" Target="../ctrlProps/ctrlProp418.xml"/><Relationship Id="rId442" Type="http://schemas.openxmlformats.org/officeDocument/2006/relationships/ctrlProp" Target="../ctrlProps/ctrlProp439.xml"/><Relationship Id="rId463" Type="http://schemas.openxmlformats.org/officeDocument/2006/relationships/ctrlProp" Target="../ctrlProps/ctrlProp460.xml"/><Relationship Id="rId484" Type="http://schemas.openxmlformats.org/officeDocument/2006/relationships/ctrlProp" Target="../ctrlProps/ctrlProp481.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302" Type="http://schemas.openxmlformats.org/officeDocument/2006/relationships/ctrlProp" Target="../ctrlProps/ctrlProp299.xml"/><Relationship Id="rId323" Type="http://schemas.openxmlformats.org/officeDocument/2006/relationships/ctrlProp" Target="../ctrlProps/ctrlProp320.xml"/><Relationship Id="rId344" Type="http://schemas.openxmlformats.org/officeDocument/2006/relationships/ctrlProp" Target="../ctrlProps/ctrlProp341.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365" Type="http://schemas.openxmlformats.org/officeDocument/2006/relationships/ctrlProp" Target="../ctrlProps/ctrlProp362.xml"/><Relationship Id="rId386" Type="http://schemas.openxmlformats.org/officeDocument/2006/relationships/ctrlProp" Target="../ctrlProps/ctrlProp383.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267" Type="http://schemas.openxmlformats.org/officeDocument/2006/relationships/ctrlProp" Target="../ctrlProps/ctrlProp264.xml"/><Relationship Id="rId288" Type="http://schemas.openxmlformats.org/officeDocument/2006/relationships/ctrlProp" Target="../ctrlProps/ctrlProp285.xml"/><Relationship Id="rId411" Type="http://schemas.openxmlformats.org/officeDocument/2006/relationships/ctrlProp" Target="../ctrlProps/ctrlProp408.xml"/><Relationship Id="rId432" Type="http://schemas.openxmlformats.org/officeDocument/2006/relationships/ctrlProp" Target="../ctrlProps/ctrlProp429.xml"/><Relationship Id="rId453" Type="http://schemas.openxmlformats.org/officeDocument/2006/relationships/ctrlProp" Target="../ctrlProps/ctrlProp450.xml"/><Relationship Id="rId474" Type="http://schemas.openxmlformats.org/officeDocument/2006/relationships/ctrlProp" Target="../ctrlProps/ctrlProp471.xml"/><Relationship Id="rId106" Type="http://schemas.openxmlformats.org/officeDocument/2006/relationships/ctrlProp" Target="../ctrlProps/ctrlProp103.xml"/><Relationship Id="rId127" Type="http://schemas.openxmlformats.org/officeDocument/2006/relationships/ctrlProp" Target="../ctrlProps/ctrlProp124.xml"/><Relationship Id="rId313" Type="http://schemas.openxmlformats.org/officeDocument/2006/relationships/ctrlProp" Target="../ctrlProps/ctrlProp310.xml"/><Relationship Id="rId495" Type="http://schemas.openxmlformats.org/officeDocument/2006/relationships/ctrlProp" Target="../ctrlProps/ctrlProp492.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334" Type="http://schemas.openxmlformats.org/officeDocument/2006/relationships/ctrlProp" Target="../ctrlProps/ctrlProp331.xml"/><Relationship Id="rId355" Type="http://schemas.openxmlformats.org/officeDocument/2006/relationships/ctrlProp" Target="../ctrlProps/ctrlProp352.xml"/><Relationship Id="rId376" Type="http://schemas.openxmlformats.org/officeDocument/2006/relationships/ctrlProp" Target="../ctrlProps/ctrlProp373.xml"/><Relationship Id="rId397" Type="http://schemas.openxmlformats.org/officeDocument/2006/relationships/ctrlProp" Target="../ctrlProps/ctrlProp394.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401" Type="http://schemas.openxmlformats.org/officeDocument/2006/relationships/ctrlProp" Target="../ctrlProps/ctrlProp398.xml"/><Relationship Id="rId422" Type="http://schemas.openxmlformats.org/officeDocument/2006/relationships/ctrlProp" Target="../ctrlProps/ctrlProp419.xml"/><Relationship Id="rId443" Type="http://schemas.openxmlformats.org/officeDocument/2006/relationships/ctrlProp" Target="../ctrlProps/ctrlProp440.xml"/><Relationship Id="rId464" Type="http://schemas.openxmlformats.org/officeDocument/2006/relationships/ctrlProp" Target="../ctrlProps/ctrlProp461.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271" Type="http://schemas.openxmlformats.org/officeDocument/2006/relationships/ctrlProp" Target="../ctrlProps/ctrlProp268.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T97"/>
  <sheetViews>
    <sheetView showGridLines="0" tabSelected="1" zoomScaleNormal="100" zoomScaleSheetLayoutView="70" workbookViewId="0">
      <selection sqref="A1:H2"/>
    </sheetView>
  </sheetViews>
  <sheetFormatPr defaultColWidth="9" defaultRowHeight="13.5"/>
  <cols>
    <col min="1" max="7" width="3" style="262" customWidth="1"/>
    <col min="8" max="8" width="3" style="263" customWidth="1"/>
    <col min="9" max="15" width="3.125" style="263" customWidth="1"/>
    <col min="16" max="27" width="3.125" style="262" customWidth="1"/>
    <col min="28" max="28" width="3" style="262" customWidth="1"/>
    <col min="29" max="30" width="2.875" style="262" customWidth="1"/>
    <col min="31" max="32" width="2.75" style="262" customWidth="1"/>
    <col min="33" max="44" width="3.25" style="262" customWidth="1"/>
    <col min="45" max="47" width="9" style="262"/>
    <col min="48" max="48" width="13.75" style="262" customWidth="1"/>
    <col min="49" max="16384" width="9" style="262"/>
  </cols>
  <sheetData>
    <row r="1" spans="1:46" s="248" customFormat="1" ht="20.25" customHeight="1">
      <c r="A1" s="895" t="s">
        <v>287</v>
      </c>
      <c r="B1" s="896"/>
      <c r="C1" s="896"/>
      <c r="D1" s="896"/>
      <c r="E1" s="896"/>
      <c r="F1" s="896"/>
      <c r="G1" s="896"/>
      <c r="H1" s="897"/>
      <c r="I1" s="892" t="s">
        <v>67</v>
      </c>
      <c r="J1" s="892"/>
      <c r="K1" s="892"/>
      <c r="L1" s="892"/>
      <c r="M1" s="892"/>
      <c r="N1" s="893" t="s">
        <v>46</v>
      </c>
      <c r="O1" s="893"/>
      <c r="P1" s="893"/>
      <c r="Q1" s="893"/>
      <c r="R1" s="893"/>
      <c r="S1" s="893"/>
      <c r="T1" s="893"/>
      <c r="U1" s="893"/>
      <c r="V1" s="893"/>
      <c r="W1" s="893"/>
      <c r="X1" s="893"/>
      <c r="Y1" s="893"/>
      <c r="Z1" s="893"/>
      <c r="AA1" s="893"/>
      <c r="AB1" s="893"/>
      <c r="AC1" s="893"/>
      <c r="AD1" s="893"/>
      <c r="AE1" s="893"/>
      <c r="AF1" s="893"/>
      <c r="AG1" s="886" t="s">
        <v>47</v>
      </c>
      <c r="AH1" s="886"/>
      <c r="AI1" s="886"/>
      <c r="AJ1" s="886"/>
      <c r="AK1" s="886"/>
      <c r="AL1" s="886"/>
      <c r="AM1" s="886"/>
      <c r="AN1" s="886"/>
      <c r="AO1" s="886"/>
      <c r="AP1" s="886"/>
      <c r="AQ1" s="886"/>
      <c r="AR1" s="887"/>
      <c r="AT1" s="249"/>
    </row>
    <row r="2" spans="1:46" s="248" customFormat="1" ht="20.25" customHeight="1">
      <c r="A2" s="898"/>
      <c r="B2" s="899"/>
      <c r="C2" s="899"/>
      <c r="D2" s="899"/>
      <c r="E2" s="899"/>
      <c r="F2" s="899"/>
      <c r="G2" s="899"/>
      <c r="H2" s="900"/>
      <c r="I2" s="890" t="s">
        <v>48</v>
      </c>
      <c r="J2" s="891"/>
      <c r="K2" s="891"/>
      <c r="L2" s="891"/>
      <c r="M2" s="891"/>
      <c r="N2" s="894"/>
      <c r="O2" s="894"/>
      <c r="P2" s="894"/>
      <c r="Q2" s="894"/>
      <c r="R2" s="894"/>
      <c r="S2" s="894"/>
      <c r="T2" s="894"/>
      <c r="U2" s="894"/>
      <c r="V2" s="894"/>
      <c r="W2" s="894"/>
      <c r="X2" s="894"/>
      <c r="Y2" s="894"/>
      <c r="Z2" s="894"/>
      <c r="AA2" s="894"/>
      <c r="AB2" s="894"/>
      <c r="AC2" s="894"/>
      <c r="AD2" s="894"/>
      <c r="AE2" s="894"/>
      <c r="AF2" s="894"/>
      <c r="AG2" s="888"/>
      <c r="AH2" s="888"/>
      <c r="AI2" s="888"/>
      <c r="AJ2" s="888"/>
      <c r="AK2" s="888"/>
      <c r="AL2" s="888"/>
      <c r="AM2" s="888"/>
      <c r="AN2" s="888"/>
      <c r="AO2" s="888"/>
      <c r="AP2" s="888"/>
      <c r="AQ2" s="888"/>
      <c r="AR2" s="889"/>
      <c r="AT2" s="250"/>
    </row>
    <row r="3" spans="1:46" s="248" customFormat="1" ht="21" customHeight="1">
      <c r="A3" s="901" t="s">
        <v>74</v>
      </c>
      <c r="B3" s="901"/>
      <c r="C3" s="901"/>
      <c r="D3" s="901"/>
      <c r="E3" s="901"/>
      <c r="F3" s="901"/>
      <c r="G3" s="901"/>
      <c r="H3" s="902"/>
      <c r="I3" s="903" t="s">
        <v>288</v>
      </c>
      <c r="J3" s="904"/>
      <c r="K3" s="904"/>
      <c r="L3" s="904"/>
      <c r="M3" s="904"/>
      <c r="N3" s="904"/>
      <c r="O3" s="904"/>
      <c r="P3" s="904"/>
      <c r="Q3" s="904"/>
      <c r="R3" s="904"/>
      <c r="S3" s="904"/>
      <c r="T3" s="904"/>
      <c r="U3" s="904"/>
      <c r="V3" s="904"/>
      <c r="W3" s="904"/>
      <c r="X3" s="904"/>
      <c r="Y3" s="904"/>
      <c r="Z3" s="904"/>
      <c r="AA3" s="904"/>
      <c r="AB3" s="904"/>
      <c r="AC3" s="904"/>
      <c r="AD3" s="904"/>
      <c r="AE3" s="904"/>
      <c r="AF3" s="905"/>
      <c r="AG3" s="910" t="s">
        <v>49</v>
      </c>
      <c r="AH3" s="911"/>
      <c r="AI3" s="912" t="s">
        <v>68</v>
      </c>
      <c r="AJ3" s="910"/>
      <c r="AK3" s="910"/>
      <c r="AL3" s="910"/>
      <c r="AM3" s="910"/>
      <c r="AN3" s="910"/>
      <c r="AO3" s="910"/>
      <c r="AP3" s="910"/>
      <c r="AQ3" s="910"/>
      <c r="AR3" s="913"/>
      <c r="AT3" s="250"/>
    </row>
    <row r="4" spans="1:46" s="248" customFormat="1" ht="21" customHeight="1">
      <c r="A4" s="901"/>
      <c r="B4" s="901"/>
      <c r="C4" s="901"/>
      <c r="D4" s="901"/>
      <c r="E4" s="901"/>
      <c r="F4" s="901"/>
      <c r="G4" s="901"/>
      <c r="H4" s="902"/>
      <c r="I4" s="906"/>
      <c r="J4" s="907"/>
      <c r="K4" s="907"/>
      <c r="L4" s="907"/>
      <c r="M4" s="907"/>
      <c r="N4" s="907"/>
      <c r="O4" s="907"/>
      <c r="P4" s="907"/>
      <c r="Q4" s="907"/>
      <c r="R4" s="907"/>
      <c r="S4" s="907"/>
      <c r="T4" s="907"/>
      <c r="U4" s="907"/>
      <c r="V4" s="907"/>
      <c r="W4" s="907"/>
      <c r="X4" s="907"/>
      <c r="Y4" s="907"/>
      <c r="Z4" s="907"/>
      <c r="AA4" s="907"/>
      <c r="AB4" s="907"/>
      <c r="AC4" s="907"/>
      <c r="AD4" s="907"/>
      <c r="AE4" s="907"/>
      <c r="AF4" s="908"/>
      <c r="AG4" s="910"/>
      <c r="AH4" s="911"/>
      <c r="AI4" s="912"/>
      <c r="AJ4" s="910"/>
      <c r="AK4" s="910"/>
      <c r="AL4" s="910"/>
      <c r="AM4" s="910"/>
      <c r="AN4" s="910"/>
      <c r="AO4" s="910"/>
      <c r="AP4" s="910"/>
      <c r="AQ4" s="910"/>
      <c r="AR4" s="913"/>
      <c r="AT4" s="251"/>
    </row>
    <row r="5" spans="1:46" s="248" customFormat="1" ht="21" customHeight="1">
      <c r="A5" s="901"/>
      <c r="B5" s="901"/>
      <c r="C5" s="901"/>
      <c r="D5" s="901"/>
      <c r="E5" s="901"/>
      <c r="F5" s="901"/>
      <c r="G5" s="901"/>
      <c r="H5" s="902"/>
      <c r="I5" s="909"/>
      <c r="J5" s="899"/>
      <c r="K5" s="899"/>
      <c r="L5" s="899"/>
      <c r="M5" s="899"/>
      <c r="N5" s="899"/>
      <c r="O5" s="899"/>
      <c r="P5" s="899"/>
      <c r="Q5" s="899"/>
      <c r="R5" s="899"/>
      <c r="S5" s="899"/>
      <c r="T5" s="899"/>
      <c r="U5" s="899"/>
      <c r="V5" s="899"/>
      <c r="W5" s="899"/>
      <c r="X5" s="899"/>
      <c r="Y5" s="899"/>
      <c r="Z5" s="899"/>
      <c r="AA5" s="899"/>
      <c r="AB5" s="899"/>
      <c r="AC5" s="899"/>
      <c r="AD5" s="899"/>
      <c r="AE5" s="899"/>
      <c r="AF5" s="900"/>
      <c r="AG5" s="910" t="s">
        <v>50</v>
      </c>
      <c r="AH5" s="910"/>
      <c r="AI5" s="910"/>
      <c r="AJ5" s="910"/>
      <c r="AK5" s="914" t="s">
        <v>51</v>
      </c>
      <c r="AL5" s="914"/>
      <c r="AM5" s="910"/>
      <c r="AN5" s="910"/>
      <c r="AO5" s="910" t="s">
        <v>52</v>
      </c>
      <c r="AP5" s="910"/>
      <c r="AQ5" s="915"/>
      <c r="AR5" s="916"/>
      <c r="AT5" s="251"/>
    </row>
    <row r="6" spans="1:46" s="248" customFormat="1" ht="21" customHeight="1">
      <c r="A6" s="921" t="s">
        <v>53</v>
      </c>
      <c r="B6" s="921"/>
      <c r="C6" s="921"/>
      <c r="D6" s="921"/>
      <c r="E6" s="921"/>
      <c r="F6" s="921"/>
      <c r="G6" s="921"/>
      <c r="H6" s="922"/>
      <c r="I6" s="923" t="s">
        <v>286</v>
      </c>
      <c r="J6" s="924"/>
      <c r="K6" s="924"/>
      <c r="L6" s="924"/>
      <c r="M6" s="924"/>
      <c r="N6" s="924"/>
      <c r="O6" s="924"/>
      <c r="P6" s="924"/>
      <c r="Q6" s="924"/>
      <c r="R6" s="924"/>
      <c r="S6" s="924"/>
      <c r="T6" s="924"/>
      <c r="U6" s="924"/>
      <c r="V6" s="924"/>
      <c r="W6" s="924"/>
      <c r="X6" s="924"/>
      <c r="Y6" s="924"/>
      <c r="Z6" s="924"/>
      <c r="AA6" s="924"/>
      <c r="AB6" s="924"/>
      <c r="AC6" s="924"/>
      <c r="AD6" s="924"/>
      <c r="AE6" s="924"/>
      <c r="AF6" s="925"/>
      <c r="AG6" s="910"/>
      <c r="AH6" s="910"/>
      <c r="AI6" s="910"/>
      <c r="AJ6" s="910"/>
      <c r="AK6" s="914"/>
      <c r="AL6" s="914"/>
      <c r="AM6" s="910"/>
      <c r="AN6" s="910"/>
      <c r="AO6" s="910"/>
      <c r="AP6" s="910"/>
      <c r="AQ6" s="917"/>
      <c r="AR6" s="918"/>
      <c r="AT6" s="251"/>
    </row>
    <row r="7" spans="1:46" s="248" customFormat="1" ht="21" customHeight="1">
      <c r="A7" s="921"/>
      <c r="B7" s="921"/>
      <c r="C7" s="921"/>
      <c r="D7" s="921"/>
      <c r="E7" s="921"/>
      <c r="F7" s="921"/>
      <c r="G7" s="921"/>
      <c r="H7" s="922"/>
      <c r="I7" s="926"/>
      <c r="J7" s="927"/>
      <c r="K7" s="927"/>
      <c r="L7" s="927"/>
      <c r="M7" s="927"/>
      <c r="N7" s="927"/>
      <c r="O7" s="927"/>
      <c r="P7" s="927"/>
      <c r="Q7" s="927"/>
      <c r="R7" s="927"/>
      <c r="S7" s="927"/>
      <c r="T7" s="927"/>
      <c r="U7" s="927"/>
      <c r="V7" s="927"/>
      <c r="W7" s="927"/>
      <c r="X7" s="927"/>
      <c r="Y7" s="927"/>
      <c r="Z7" s="927"/>
      <c r="AA7" s="927"/>
      <c r="AB7" s="927"/>
      <c r="AC7" s="927"/>
      <c r="AD7" s="927"/>
      <c r="AE7" s="927"/>
      <c r="AF7" s="928"/>
      <c r="AG7" s="910"/>
      <c r="AH7" s="910"/>
      <c r="AI7" s="910"/>
      <c r="AJ7" s="910"/>
      <c r="AK7" s="914"/>
      <c r="AL7" s="914"/>
      <c r="AM7" s="910"/>
      <c r="AN7" s="910"/>
      <c r="AO7" s="910"/>
      <c r="AP7" s="910"/>
      <c r="AQ7" s="919"/>
      <c r="AR7" s="920"/>
      <c r="AT7" s="251"/>
    </row>
    <row r="8" spans="1:46" s="248" customFormat="1" ht="21" customHeight="1">
      <c r="A8" s="921"/>
      <c r="B8" s="921"/>
      <c r="C8" s="921"/>
      <c r="D8" s="921"/>
      <c r="E8" s="921"/>
      <c r="F8" s="921"/>
      <c r="G8" s="921"/>
      <c r="H8" s="922"/>
      <c r="I8" s="929"/>
      <c r="J8" s="930"/>
      <c r="K8" s="930"/>
      <c r="L8" s="930"/>
      <c r="M8" s="930"/>
      <c r="N8" s="930"/>
      <c r="O8" s="930"/>
      <c r="P8" s="930"/>
      <c r="Q8" s="930"/>
      <c r="R8" s="930"/>
      <c r="S8" s="930"/>
      <c r="T8" s="930"/>
      <c r="U8" s="930"/>
      <c r="V8" s="930"/>
      <c r="W8" s="930"/>
      <c r="X8" s="930"/>
      <c r="Y8" s="930"/>
      <c r="Z8" s="930"/>
      <c r="AA8" s="930"/>
      <c r="AB8" s="930"/>
      <c r="AC8" s="930"/>
      <c r="AD8" s="930"/>
      <c r="AE8" s="930"/>
      <c r="AF8" s="931"/>
      <c r="AG8" s="910" t="s">
        <v>54</v>
      </c>
      <c r="AH8" s="910"/>
      <c r="AI8" s="915"/>
      <c r="AJ8" s="932"/>
      <c r="AK8" s="932"/>
      <c r="AL8" s="932"/>
      <c r="AM8" s="932"/>
      <c r="AN8" s="932"/>
      <c r="AO8" s="932"/>
      <c r="AP8" s="932"/>
      <c r="AQ8" s="932"/>
      <c r="AR8" s="916"/>
    </row>
    <row r="9" spans="1:46" s="248" customFormat="1" ht="21" customHeight="1">
      <c r="A9" s="921" t="s">
        <v>55</v>
      </c>
      <c r="B9" s="921"/>
      <c r="C9" s="921"/>
      <c r="D9" s="921"/>
      <c r="E9" s="921"/>
      <c r="F9" s="921"/>
      <c r="G9" s="921"/>
      <c r="H9" s="922"/>
      <c r="I9" s="252"/>
      <c r="J9" s="252"/>
      <c r="K9" s="252"/>
      <c r="L9" s="252"/>
      <c r="M9" s="252"/>
      <c r="N9" s="252"/>
      <c r="O9" s="252"/>
      <c r="P9" s="253"/>
      <c r="Q9" s="253"/>
      <c r="R9" s="253"/>
      <c r="S9" s="253"/>
      <c r="T9" s="253"/>
      <c r="U9" s="253"/>
      <c r="V9" s="253"/>
      <c r="W9" s="253"/>
      <c r="X9" s="254"/>
      <c r="Y9" s="254"/>
      <c r="Z9" s="254"/>
      <c r="AA9" s="254"/>
      <c r="AB9" s="254"/>
      <c r="AC9" s="254"/>
      <c r="AD9" s="254"/>
      <c r="AE9" s="254"/>
      <c r="AF9" s="254"/>
      <c r="AG9" s="910"/>
      <c r="AH9" s="910"/>
      <c r="AI9" s="919"/>
      <c r="AJ9" s="933"/>
      <c r="AK9" s="933"/>
      <c r="AL9" s="933"/>
      <c r="AM9" s="933"/>
      <c r="AN9" s="933"/>
      <c r="AO9" s="933"/>
      <c r="AP9" s="933"/>
      <c r="AQ9" s="933"/>
      <c r="AR9" s="920"/>
    </row>
    <row r="10" spans="1:46" s="248" customFormat="1" ht="21" customHeight="1">
      <c r="A10" s="921"/>
      <c r="B10" s="921"/>
      <c r="C10" s="921"/>
      <c r="D10" s="921"/>
      <c r="E10" s="921"/>
      <c r="F10" s="921"/>
      <c r="G10" s="921"/>
      <c r="H10" s="922"/>
      <c r="I10" s="255"/>
      <c r="J10" s="255"/>
      <c r="K10" s="255"/>
      <c r="L10" s="256"/>
      <c r="N10" s="257" t="s">
        <v>56</v>
      </c>
      <c r="O10" s="934"/>
      <c r="P10" s="934"/>
      <c r="Q10" s="934"/>
      <c r="R10" s="934"/>
      <c r="S10" s="934"/>
      <c r="T10" s="934"/>
      <c r="U10" s="934"/>
      <c r="V10" s="934"/>
      <c r="W10" s="934"/>
      <c r="X10" s="934"/>
      <c r="Y10" s="256" t="s">
        <v>57</v>
      </c>
      <c r="Z10" s="251"/>
      <c r="AA10" s="251"/>
      <c r="AB10" s="251"/>
      <c r="AC10" s="251"/>
      <c r="AD10" s="251"/>
      <c r="AE10" s="251"/>
      <c r="AF10" s="251"/>
      <c r="AG10" s="910" t="s">
        <v>58</v>
      </c>
      <c r="AH10" s="911"/>
      <c r="AI10" s="912" t="s">
        <v>68</v>
      </c>
      <c r="AJ10" s="910"/>
      <c r="AK10" s="910"/>
      <c r="AL10" s="910"/>
      <c r="AM10" s="910"/>
      <c r="AN10" s="910"/>
      <c r="AO10" s="910"/>
      <c r="AP10" s="910"/>
      <c r="AQ10" s="910"/>
      <c r="AR10" s="913"/>
    </row>
    <row r="11" spans="1:46" s="248" customFormat="1" ht="21" customHeight="1">
      <c r="A11" s="921"/>
      <c r="B11" s="921"/>
      <c r="C11" s="921"/>
      <c r="D11" s="921"/>
      <c r="E11" s="921"/>
      <c r="F11" s="921"/>
      <c r="G11" s="921"/>
      <c r="H11" s="922"/>
      <c r="I11" s="258"/>
      <c r="J11" s="258"/>
      <c r="K11" s="258"/>
      <c r="L11" s="258"/>
      <c r="M11" s="258"/>
      <c r="N11" s="258"/>
      <c r="O11" s="258"/>
      <c r="P11" s="259"/>
      <c r="Q11" s="259"/>
      <c r="R11" s="259"/>
      <c r="S11" s="259"/>
      <c r="T11" s="259"/>
      <c r="U11" s="259"/>
      <c r="V11" s="259"/>
      <c r="W11" s="259"/>
      <c r="X11" s="259"/>
      <c r="Y11" s="259"/>
      <c r="Z11" s="259"/>
      <c r="AA11" s="259"/>
      <c r="AB11" s="259"/>
      <c r="AC11" s="259"/>
      <c r="AD11" s="259"/>
      <c r="AE11" s="259"/>
      <c r="AF11" s="259"/>
      <c r="AG11" s="910"/>
      <c r="AH11" s="911"/>
      <c r="AI11" s="912"/>
      <c r="AJ11" s="910"/>
      <c r="AK11" s="910"/>
      <c r="AL11" s="910"/>
      <c r="AM11" s="910"/>
      <c r="AN11" s="910"/>
      <c r="AO11" s="910"/>
      <c r="AP11" s="910"/>
      <c r="AQ11" s="910"/>
      <c r="AR11" s="913"/>
    </row>
    <row r="12" spans="1:46" s="248" customFormat="1" ht="21" customHeight="1">
      <c r="A12" s="921" t="s">
        <v>59</v>
      </c>
      <c r="B12" s="921"/>
      <c r="C12" s="921"/>
      <c r="D12" s="921"/>
      <c r="E12" s="921"/>
      <c r="F12" s="921"/>
      <c r="G12" s="921"/>
      <c r="H12" s="922"/>
      <c r="I12" s="250"/>
      <c r="J12" s="250"/>
      <c r="K12" s="250"/>
      <c r="L12" s="250"/>
      <c r="M12" s="250"/>
      <c r="N12" s="250"/>
      <c r="O12" s="250"/>
      <c r="P12" s="251"/>
      <c r="Q12" s="251"/>
      <c r="R12" s="251"/>
      <c r="S12" s="251"/>
      <c r="T12" s="251"/>
      <c r="U12" s="251"/>
      <c r="V12" s="251"/>
      <c r="W12" s="251"/>
      <c r="X12" s="251"/>
      <c r="Y12" s="251"/>
      <c r="Z12" s="251"/>
      <c r="AA12" s="251"/>
      <c r="AB12" s="251"/>
      <c r="AC12" s="251"/>
      <c r="AD12" s="251"/>
      <c r="AE12" s="251"/>
      <c r="AF12" s="251"/>
      <c r="AG12" s="910" t="s">
        <v>58</v>
      </c>
      <c r="AH12" s="910"/>
      <c r="AI12" s="910"/>
      <c r="AJ12" s="910"/>
      <c r="AK12" s="910"/>
      <c r="AL12" s="910"/>
      <c r="AM12" s="910" t="s">
        <v>60</v>
      </c>
      <c r="AN12" s="910"/>
      <c r="AO12" s="915"/>
      <c r="AP12" s="932"/>
      <c r="AQ12" s="932"/>
      <c r="AR12" s="916"/>
    </row>
    <row r="13" spans="1:46" s="248" customFormat="1" ht="21" customHeight="1">
      <c r="A13" s="921"/>
      <c r="B13" s="921"/>
      <c r="C13" s="921"/>
      <c r="D13" s="921"/>
      <c r="E13" s="921"/>
      <c r="F13" s="921"/>
      <c r="G13" s="921"/>
      <c r="H13" s="922"/>
      <c r="I13" s="250"/>
      <c r="L13" s="250"/>
      <c r="N13" s="260" t="s">
        <v>61</v>
      </c>
      <c r="O13" s="954">
        <v>44617</v>
      </c>
      <c r="P13" s="954"/>
      <c r="Q13" s="954"/>
      <c r="R13" s="954"/>
      <c r="S13" s="954"/>
      <c r="T13" s="954"/>
      <c r="U13" s="954"/>
      <c r="V13" s="954"/>
      <c r="W13" s="954"/>
      <c r="X13" s="954"/>
      <c r="Y13" s="255" t="s">
        <v>62</v>
      </c>
      <c r="Z13" s="255"/>
      <c r="AA13" s="255"/>
      <c r="AB13" s="255"/>
      <c r="AC13" s="255"/>
      <c r="AD13" s="255"/>
      <c r="AE13" s="255"/>
      <c r="AF13" s="255"/>
      <c r="AG13" s="910"/>
      <c r="AH13" s="910"/>
      <c r="AI13" s="910"/>
      <c r="AJ13" s="910"/>
      <c r="AK13" s="910"/>
      <c r="AL13" s="910"/>
      <c r="AM13" s="910"/>
      <c r="AN13" s="910"/>
      <c r="AO13" s="917"/>
      <c r="AP13" s="953"/>
      <c r="AQ13" s="953"/>
      <c r="AR13" s="918"/>
    </row>
    <row r="14" spans="1:46" s="248" customFormat="1" ht="21" customHeight="1">
      <c r="A14" s="921"/>
      <c r="B14" s="921"/>
      <c r="C14" s="921"/>
      <c r="D14" s="921"/>
      <c r="E14" s="921"/>
      <c r="F14" s="921"/>
      <c r="G14" s="921"/>
      <c r="H14" s="922"/>
      <c r="I14" s="250"/>
      <c r="J14" s="250"/>
      <c r="K14" s="250"/>
      <c r="L14" s="250"/>
      <c r="M14" s="250"/>
      <c r="N14" s="250"/>
      <c r="O14" s="250"/>
      <c r="P14" s="251"/>
      <c r="Q14" s="251"/>
      <c r="R14" s="251"/>
      <c r="S14" s="251"/>
      <c r="T14" s="251"/>
      <c r="U14" s="251"/>
      <c r="V14" s="251"/>
      <c r="W14" s="251"/>
      <c r="X14" s="251"/>
      <c r="Y14" s="251"/>
      <c r="Z14" s="251"/>
      <c r="AA14" s="251"/>
      <c r="AB14" s="251"/>
      <c r="AC14" s="251"/>
      <c r="AD14" s="251"/>
      <c r="AE14" s="251"/>
      <c r="AF14" s="251"/>
      <c r="AG14" s="910"/>
      <c r="AH14" s="910"/>
      <c r="AI14" s="910"/>
      <c r="AJ14" s="910"/>
      <c r="AK14" s="910"/>
      <c r="AL14" s="910"/>
      <c r="AM14" s="910"/>
      <c r="AN14" s="910"/>
      <c r="AO14" s="919"/>
      <c r="AP14" s="933"/>
      <c r="AQ14" s="933"/>
      <c r="AR14" s="920"/>
    </row>
    <row r="15" spans="1:46" s="248" customFormat="1" ht="13.5" customHeight="1">
      <c r="A15" s="935" t="s">
        <v>63</v>
      </c>
      <c r="B15" s="932"/>
      <c r="C15" s="932"/>
      <c r="D15" s="932"/>
      <c r="E15" s="932"/>
      <c r="F15" s="932"/>
      <c r="G15" s="932"/>
      <c r="H15" s="932"/>
      <c r="I15" s="932"/>
      <c r="J15" s="932"/>
      <c r="K15" s="932"/>
      <c r="L15" s="932"/>
      <c r="M15" s="932"/>
      <c r="N15" s="932"/>
      <c r="O15" s="932"/>
      <c r="P15" s="932"/>
      <c r="Q15" s="932"/>
      <c r="R15" s="932"/>
      <c r="S15" s="932"/>
      <c r="T15" s="932"/>
      <c r="U15" s="932"/>
      <c r="V15" s="936"/>
      <c r="W15" s="932" t="s">
        <v>64</v>
      </c>
      <c r="X15" s="932"/>
      <c r="Y15" s="932"/>
      <c r="Z15" s="932"/>
      <c r="AA15" s="932"/>
      <c r="AB15" s="932"/>
      <c r="AC15" s="932"/>
      <c r="AD15" s="932"/>
      <c r="AE15" s="932"/>
      <c r="AF15" s="932"/>
      <c r="AG15" s="932"/>
      <c r="AH15" s="932"/>
      <c r="AI15" s="932"/>
      <c r="AJ15" s="932"/>
      <c r="AK15" s="932"/>
      <c r="AL15" s="932"/>
      <c r="AM15" s="932"/>
      <c r="AN15" s="932"/>
      <c r="AO15" s="932"/>
      <c r="AP15" s="932"/>
      <c r="AQ15" s="932"/>
      <c r="AR15" s="916"/>
    </row>
    <row r="16" spans="1:46" s="248" customFormat="1" ht="13.5" customHeight="1">
      <c r="A16" s="937"/>
      <c r="B16" s="933"/>
      <c r="C16" s="933"/>
      <c r="D16" s="933"/>
      <c r="E16" s="933"/>
      <c r="F16" s="933"/>
      <c r="G16" s="933"/>
      <c r="H16" s="933"/>
      <c r="I16" s="933"/>
      <c r="J16" s="933"/>
      <c r="K16" s="933"/>
      <c r="L16" s="933"/>
      <c r="M16" s="933"/>
      <c r="N16" s="933"/>
      <c r="O16" s="933"/>
      <c r="P16" s="933"/>
      <c r="Q16" s="933"/>
      <c r="R16" s="933"/>
      <c r="S16" s="933"/>
      <c r="T16" s="933"/>
      <c r="U16" s="933"/>
      <c r="V16" s="890"/>
      <c r="W16" s="933"/>
      <c r="X16" s="933"/>
      <c r="Y16" s="933"/>
      <c r="Z16" s="933"/>
      <c r="AA16" s="933"/>
      <c r="AB16" s="933"/>
      <c r="AC16" s="933"/>
      <c r="AD16" s="933"/>
      <c r="AE16" s="933"/>
      <c r="AF16" s="933"/>
      <c r="AG16" s="933"/>
      <c r="AH16" s="933"/>
      <c r="AI16" s="933"/>
      <c r="AJ16" s="933"/>
      <c r="AK16" s="933"/>
      <c r="AL16" s="933"/>
      <c r="AM16" s="933"/>
      <c r="AN16" s="933"/>
      <c r="AO16" s="933"/>
      <c r="AP16" s="933"/>
      <c r="AQ16" s="933"/>
      <c r="AR16" s="920"/>
    </row>
    <row r="17" spans="1:44" s="248" customFormat="1" ht="13.5" customHeight="1">
      <c r="A17" s="938" t="s">
        <v>295</v>
      </c>
      <c r="B17" s="939"/>
      <c r="C17" s="939"/>
      <c r="D17" s="939"/>
      <c r="E17" s="939"/>
      <c r="F17" s="939"/>
      <c r="G17" s="939"/>
      <c r="H17" s="939"/>
      <c r="I17" s="939"/>
      <c r="J17" s="939"/>
      <c r="K17" s="939"/>
      <c r="L17" s="939"/>
      <c r="M17" s="939"/>
      <c r="N17" s="939"/>
      <c r="O17" s="939"/>
      <c r="P17" s="939"/>
      <c r="Q17" s="939"/>
      <c r="R17" s="939"/>
      <c r="S17" s="939"/>
      <c r="T17" s="939"/>
      <c r="U17" s="939"/>
      <c r="V17" s="940"/>
      <c r="W17" s="944" t="s">
        <v>296</v>
      </c>
      <c r="X17" s="945"/>
      <c r="Y17" s="945"/>
      <c r="Z17" s="945"/>
      <c r="AA17" s="945"/>
      <c r="AB17" s="945"/>
      <c r="AC17" s="945"/>
      <c r="AD17" s="945"/>
      <c r="AE17" s="945"/>
      <c r="AF17" s="945"/>
      <c r="AG17" s="945"/>
      <c r="AH17" s="945"/>
      <c r="AI17" s="945"/>
      <c r="AJ17" s="945"/>
      <c r="AK17" s="945"/>
      <c r="AL17" s="945"/>
      <c r="AM17" s="945"/>
      <c r="AN17" s="945"/>
      <c r="AO17" s="945"/>
      <c r="AP17" s="945"/>
      <c r="AQ17" s="945"/>
      <c r="AR17" s="946"/>
    </row>
    <row r="18" spans="1:44" s="248" customFormat="1" ht="13.5" customHeight="1">
      <c r="A18" s="938"/>
      <c r="B18" s="939"/>
      <c r="C18" s="939"/>
      <c r="D18" s="939"/>
      <c r="E18" s="939"/>
      <c r="F18" s="939"/>
      <c r="G18" s="939"/>
      <c r="H18" s="939"/>
      <c r="I18" s="939"/>
      <c r="J18" s="939"/>
      <c r="K18" s="939"/>
      <c r="L18" s="939"/>
      <c r="M18" s="939"/>
      <c r="N18" s="939"/>
      <c r="O18" s="939"/>
      <c r="P18" s="939"/>
      <c r="Q18" s="939"/>
      <c r="R18" s="939"/>
      <c r="S18" s="939"/>
      <c r="T18" s="939"/>
      <c r="U18" s="939"/>
      <c r="V18" s="940"/>
      <c r="W18" s="947"/>
      <c r="X18" s="948"/>
      <c r="Y18" s="948"/>
      <c r="Z18" s="948"/>
      <c r="AA18" s="948"/>
      <c r="AB18" s="948"/>
      <c r="AC18" s="948"/>
      <c r="AD18" s="948"/>
      <c r="AE18" s="948"/>
      <c r="AF18" s="948"/>
      <c r="AG18" s="948"/>
      <c r="AH18" s="948"/>
      <c r="AI18" s="948"/>
      <c r="AJ18" s="948"/>
      <c r="AK18" s="948"/>
      <c r="AL18" s="948"/>
      <c r="AM18" s="948"/>
      <c r="AN18" s="948"/>
      <c r="AO18" s="948"/>
      <c r="AP18" s="948"/>
      <c r="AQ18" s="948"/>
      <c r="AR18" s="949"/>
    </row>
    <row r="19" spans="1:44" s="248" customFormat="1" ht="13.5" customHeight="1">
      <c r="A19" s="938"/>
      <c r="B19" s="939"/>
      <c r="C19" s="939"/>
      <c r="D19" s="939"/>
      <c r="E19" s="939"/>
      <c r="F19" s="939"/>
      <c r="G19" s="939"/>
      <c r="H19" s="939"/>
      <c r="I19" s="939"/>
      <c r="J19" s="939"/>
      <c r="K19" s="939"/>
      <c r="L19" s="939"/>
      <c r="M19" s="939"/>
      <c r="N19" s="939"/>
      <c r="O19" s="939"/>
      <c r="P19" s="939"/>
      <c r="Q19" s="939"/>
      <c r="R19" s="939"/>
      <c r="S19" s="939"/>
      <c r="T19" s="939"/>
      <c r="U19" s="939"/>
      <c r="V19" s="940"/>
      <c r="W19" s="947"/>
      <c r="X19" s="948"/>
      <c r="Y19" s="948"/>
      <c r="Z19" s="948"/>
      <c r="AA19" s="948"/>
      <c r="AB19" s="948"/>
      <c r="AC19" s="948"/>
      <c r="AD19" s="948"/>
      <c r="AE19" s="948"/>
      <c r="AF19" s="948"/>
      <c r="AG19" s="948"/>
      <c r="AH19" s="948"/>
      <c r="AI19" s="948"/>
      <c r="AJ19" s="948"/>
      <c r="AK19" s="948"/>
      <c r="AL19" s="948"/>
      <c r="AM19" s="948"/>
      <c r="AN19" s="948"/>
      <c r="AO19" s="948"/>
      <c r="AP19" s="948"/>
      <c r="AQ19" s="948"/>
      <c r="AR19" s="949"/>
    </row>
    <row r="20" spans="1:44" s="248" customFormat="1" ht="13.5" customHeight="1">
      <c r="A20" s="938"/>
      <c r="B20" s="939"/>
      <c r="C20" s="939"/>
      <c r="D20" s="939"/>
      <c r="E20" s="939"/>
      <c r="F20" s="939"/>
      <c r="G20" s="939"/>
      <c r="H20" s="939"/>
      <c r="I20" s="939"/>
      <c r="J20" s="939"/>
      <c r="K20" s="939"/>
      <c r="L20" s="939"/>
      <c r="M20" s="939"/>
      <c r="N20" s="939"/>
      <c r="O20" s="939"/>
      <c r="P20" s="939"/>
      <c r="Q20" s="939"/>
      <c r="R20" s="939"/>
      <c r="S20" s="939"/>
      <c r="T20" s="939"/>
      <c r="U20" s="939"/>
      <c r="V20" s="940"/>
      <c r="W20" s="947"/>
      <c r="X20" s="948"/>
      <c r="Y20" s="948"/>
      <c r="Z20" s="948"/>
      <c r="AA20" s="948"/>
      <c r="AB20" s="948"/>
      <c r="AC20" s="948"/>
      <c r="AD20" s="948"/>
      <c r="AE20" s="948"/>
      <c r="AF20" s="948"/>
      <c r="AG20" s="948"/>
      <c r="AH20" s="948"/>
      <c r="AI20" s="948"/>
      <c r="AJ20" s="948"/>
      <c r="AK20" s="948"/>
      <c r="AL20" s="948"/>
      <c r="AM20" s="948"/>
      <c r="AN20" s="948"/>
      <c r="AO20" s="948"/>
      <c r="AP20" s="948"/>
      <c r="AQ20" s="948"/>
      <c r="AR20" s="949"/>
    </row>
    <row r="21" spans="1:44" s="248" customFormat="1" ht="13.5" customHeight="1">
      <c r="A21" s="938"/>
      <c r="B21" s="939"/>
      <c r="C21" s="939"/>
      <c r="D21" s="939"/>
      <c r="E21" s="939"/>
      <c r="F21" s="939"/>
      <c r="G21" s="939"/>
      <c r="H21" s="939"/>
      <c r="I21" s="939"/>
      <c r="J21" s="939"/>
      <c r="K21" s="939"/>
      <c r="L21" s="939"/>
      <c r="M21" s="939"/>
      <c r="N21" s="939"/>
      <c r="O21" s="939"/>
      <c r="P21" s="939"/>
      <c r="Q21" s="939"/>
      <c r="R21" s="939"/>
      <c r="S21" s="939"/>
      <c r="T21" s="939"/>
      <c r="U21" s="939"/>
      <c r="V21" s="940"/>
      <c r="W21" s="947"/>
      <c r="X21" s="948"/>
      <c r="Y21" s="948"/>
      <c r="Z21" s="948"/>
      <c r="AA21" s="948"/>
      <c r="AB21" s="948"/>
      <c r="AC21" s="948"/>
      <c r="AD21" s="948"/>
      <c r="AE21" s="948"/>
      <c r="AF21" s="948"/>
      <c r="AG21" s="948"/>
      <c r="AH21" s="948"/>
      <c r="AI21" s="948"/>
      <c r="AJ21" s="948"/>
      <c r="AK21" s="948"/>
      <c r="AL21" s="948"/>
      <c r="AM21" s="948"/>
      <c r="AN21" s="948"/>
      <c r="AO21" s="948"/>
      <c r="AP21" s="948"/>
      <c r="AQ21" s="948"/>
      <c r="AR21" s="949"/>
    </row>
    <row r="22" spans="1:44" s="248" customFormat="1" ht="13.5" customHeight="1">
      <c r="A22" s="938"/>
      <c r="B22" s="939"/>
      <c r="C22" s="939"/>
      <c r="D22" s="939"/>
      <c r="E22" s="939"/>
      <c r="F22" s="939"/>
      <c r="G22" s="939"/>
      <c r="H22" s="939"/>
      <c r="I22" s="939"/>
      <c r="J22" s="939"/>
      <c r="K22" s="939"/>
      <c r="L22" s="939"/>
      <c r="M22" s="939"/>
      <c r="N22" s="939"/>
      <c r="O22" s="939"/>
      <c r="P22" s="939"/>
      <c r="Q22" s="939"/>
      <c r="R22" s="939"/>
      <c r="S22" s="939"/>
      <c r="T22" s="939"/>
      <c r="U22" s="939"/>
      <c r="V22" s="940"/>
      <c r="W22" s="947"/>
      <c r="X22" s="948"/>
      <c r="Y22" s="948"/>
      <c r="Z22" s="948"/>
      <c r="AA22" s="948"/>
      <c r="AB22" s="948"/>
      <c r="AC22" s="948"/>
      <c r="AD22" s="948"/>
      <c r="AE22" s="948"/>
      <c r="AF22" s="948"/>
      <c r="AG22" s="948"/>
      <c r="AH22" s="948"/>
      <c r="AI22" s="948"/>
      <c r="AJ22" s="948"/>
      <c r="AK22" s="948"/>
      <c r="AL22" s="948"/>
      <c r="AM22" s="948"/>
      <c r="AN22" s="948"/>
      <c r="AO22" s="948"/>
      <c r="AP22" s="948"/>
      <c r="AQ22" s="948"/>
      <c r="AR22" s="949"/>
    </row>
    <row r="23" spans="1:44" s="248" customFormat="1" ht="13.5" customHeight="1">
      <c r="A23" s="938"/>
      <c r="B23" s="939"/>
      <c r="C23" s="939"/>
      <c r="D23" s="939"/>
      <c r="E23" s="939"/>
      <c r="F23" s="939"/>
      <c r="G23" s="939"/>
      <c r="H23" s="939"/>
      <c r="I23" s="939"/>
      <c r="J23" s="939"/>
      <c r="K23" s="939"/>
      <c r="L23" s="939"/>
      <c r="M23" s="939"/>
      <c r="N23" s="939"/>
      <c r="O23" s="939"/>
      <c r="P23" s="939"/>
      <c r="Q23" s="939"/>
      <c r="R23" s="939"/>
      <c r="S23" s="939"/>
      <c r="T23" s="939"/>
      <c r="U23" s="939"/>
      <c r="V23" s="940"/>
      <c r="W23" s="947"/>
      <c r="X23" s="948"/>
      <c r="Y23" s="948"/>
      <c r="Z23" s="948"/>
      <c r="AA23" s="948"/>
      <c r="AB23" s="948"/>
      <c r="AC23" s="948"/>
      <c r="AD23" s="948"/>
      <c r="AE23" s="948"/>
      <c r="AF23" s="948"/>
      <c r="AG23" s="948"/>
      <c r="AH23" s="948"/>
      <c r="AI23" s="948"/>
      <c r="AJ23" s="948"/>
      <c r="AK23" s="948"/>
      <c r="AL23" s="948"/>
      <c r="AM23" s="948"/>
      <c r="AN23" s="948"/>
      <c r="AO23" s="948"/>
      <c r="AP23" s="948"/>
      <c r="AQ23" s="948"/>
      <c r="AR23" s="949"/>
    </row>
    <row r="24" spans="1:44" s="248" customFormat="1" ht="13.5" customHeight="1">
      <c r="A24" s="938"/>
      <c r="B24" s="939"/>
      <c r="C24" s="939"/>
      <c r="D24" s="939"/>
      <c r="E24" s="939"/>
      <c r="F24" s="939"/>
      <c r="G24" s="939"/>
      <c r="H24" s="939"/>
      <c r="I24" s="939"/>
      <c r="J24" s="939"/>
      <c r="K24" s="939"/>
      <c r="L24" s="939"/>
      <c r="M24" s="939"/>
      <c r="N24" s="939"/>
      <c r="O24" s="939"/>
      <c r="P24" s="939"/>
      <c r="Q24" s="939"/>
      <c r="R24" s="939"/>
      <c r="S24" s="939"/>
      <c r="T24" s="939"/>
      <c r="U24" s="939"/>
      <c r="V24" s="940"/>
      <c r="W24" s="947"/>
      <c r="X24" s="948"/>
      <c r="Y24" s="948"/>
      <c r="Z24" s="948"/>
      <c r="AA24" s="948"/>
      <c r="AB24" s="948"/>
      <c r="AC24" s="948"/>
      <c r="AD24" s="948"/>
      <c r="AE24" s="948"/>
      <c r="AF24" s="948"/>
      <c r="AG24" s="948"/>
      <c r="AH24" s="948"/>
      <c r="AI24" s="948"/>
      <c r="AJ24" s="948"/>
      <c r="AK24" s="948"/>
      <c r="AL24" s="948"/>
      <c r="AM24" s="948"/>
      <c r="AN24" s="948"/>
      <c r="AO24" s="948"/>
      <c r="AP24" s="948"/>
      <c r="AQ24" s="948"/>
      <c r="AR24" s="949"/>
    </row>
    <row r="25" spans="1:44" s="248" customFormat="1" ht="13.5" customHeight="1">
      <c r="A25" s="938"/>
      <c r="B25" s="939"/>
      <c r="C25" s="939"/>
      <c r="D25" s="939"/>
      <c r="E25" s="939"/>
      <c r="F25" s="939"/>
      <c r="G25" s="939"/>
      <c r="H25" s="939"/>
      <c r="I25" s="939"/>
      <c r="J25" s="939"/>
      <c r="K25" s="939"/>
      <c r="L25" s="939"/>
      <c r="M25" s="939"/>
      <c r="N25" s="939"/>
      <c r="O25" s="939"/>
      <c r="P25" s="939"/>
      <c r="Q25" s="939"/>
      <c r="R25" s="939"/>
      <c r="S25" s="939"/>
      <c r="T25" s="939"/>
      <c r="U25" s="939"/>
      <c r="V25" s="940"/>
      <c r="W25" s="947"/>
      <c r="X25" s="948"/>
      <c r="Y25" s="948"/>
      <c r="Z25" s="948"/>
      <c r="AA25" s="948"/>
      <c r="AB25" s="948"/>
      <c r="AC25" s="948"/>
      <c r="AD25" s="948"/>
      <c r="AE25" s="948"/>
      <c r="AF25" s="948"/>
      <c r="AG25" s="948"/>
      <c r="AH25" s="948"/>
      <c r="AI25" s="948"/>
      <c r="AJ25" s="948"/>
      <c r="AK25" s="948"/>
      <c r="AL25" s="948"/>
      <c r="AM25" s="948"/>
      <c r="AN25" s="948"/>
      <c r="AO25" s="948"/>
      <c r="AP25" s="948"/>
      <c r="AQ25" s="948"/>
      <c r="AR25" s="949"/>
    </row>
    <row r="26" spans="1:44" s="248" customFormat="1" ht="13.5" customHeight="1">
      <c r="A26" s="938"/>
      <c r="B26" s="939"/>
      <c r="C26" s="939"/>
      <c r="D26" s="939"/>
      <c r="E26" s="939"/>
      <c r="F26" s="939"/>
      <c r="G26" s="939"/>
      <c r="H26" s="939"/>
      <c r="I26" s="939"/>
      <c r="J26" s="939"/>
      <c r="K26" s="939"/>
      <c r="L26" s="939"/>
      <c r="M26" s="939"/>
      <c r="N26" s="939"/>
      <c r="O26" s="939"/>
      <c r="P26" s="939"/>
      <c r="Q26" s="939"/>
      <c r="R26" s="939"/>
      <c r="S26" s="939"/>
      <c r="T26" s="939"/>
      <c r="U26" s="939"/>
      <c r="V26" s="940"/>
      <c r="W26" s="947"/>
      <c r="X26" s="948"/>
      <c r="Y26" s="948"/>
      <c r="Z26" s="948"/>
      <c r="AA26" s="948"/>
      <c r="AB26" s="948"/>
      <c r="AC26" s="948"/>
      <c r="AD26" s="948"/>
      <c r="AE26" s="948"/>
      <c r="AF26" s="948"/>
      <c r="AG26" s="948"/>
      <c r="AH26" s="948"/>
      <c r="AI26" s="948"/>
      <c r="AJ26" s="948"/>
      <c r="AK26" s="948"/>
      <c r="AL26" s="948"/>
      <c r="AM26" s="948"/>
      <c r="AN26" s="948"/>
      <c r="AO26" s="948"/>
      <c r="AP26" s="948"/>
      <c r="AQ26" s="948"/>
      <c r="AR26" s="949"/>
    </row>
    <row r="27" spans="1:44" s="248" customFormat="1" ht="13.5" customHeight="1">
      <c r="A27" s="938"/>
      <c r="B27" s="939"/>
      <c r="C27" s="939"/>
      <c r="D27" s="939"/>
      <c r="E27" s="939"/>
      <c r="F27" s="939"/>
      <c r="G27" s="939"/>
      <c r="H27" s="939"/>
      <c r="I27" s="939"/>
      <c r="J27" s="939"/>
      <c r="K27" s="939"/>
      <c r="L27" s="939"/>
      <c r="M27" s="939"/>
      <c r="N27" s="939"/>
      <c r="O27" s="939"/>
      <c r="P27" s="939"/>
      <c r="Q27" s="939"/>
      <c r="R27" s="939"/>
      <c r="S27" s="939"/>
      <c r="T27" s="939"/>
      <c r="U27" s="939"/>
      <c r="V27" s="940"/>
      <c r="W27" s="947"/>
      <c r="X27" s="948"/>
      <c r="Y27" s="948"/>
      <c r="Z27" s="948"/>
      <c r="AA27" s="948"/>
      <c r="AB27" s="948"/>
      <c r="AC27" s="948"/>
      <c r="AD27" s="948"/>
      <c r="AE27" s="948"/>
      <c r="AF27" s="948"/>
      <c r="AG27" s="948"/>
      <c r="AH27" s="948"/>
      <c r="AI27" s="948"/>
      <c r="AJ27" s="948"/>
      <c r="AK27" s="948"/>
      <c r="AL27" s="948"/>
      <c r="AM27" s="948"/>
      <c r="AN27" s="948"/>
      <c r="AO27" s="948"/>
      <c r="AP27" s="948"/>
      <c r="AQ27" s="948"/>
      <c r="AR27" s="949"/>
    </row>
    <row r="28" spans="1:44" s="248" customFormat="1" ht="13.5" customHeight="1">
      <c r="A28" s="938"/>
      <c r="B28" s="939"/>
      <c r="C28" s="939"/>
      <c r="D28" s="939"/>
      <c r="E28" s="939"/>
      <c r="F28" s="939"/>
      <c r="G28" s="939"/>
      <c r="H28" s="939"/>
      <c r="I28" s="939"/>
      <c r="J28" s="939"/>
      <c r="K28" s="939"/>
      <c r="L28" s="939"/>
      <c r="M28" s="939"/>
      <c r="N28" s="939"/>
      <c r="O28" s="939"/>
      <c r="P28" s="939"/>
      <c r="Q28" s="939"/>
      <c r="R28" s="939"/>
      <c r="S28" s="939"/>
      <c r="T28" s="939"/>
      <c r="U28" s="939"/>
      <c r="V28" s="940"/>
      <c r="W28" s="947"/>
      <c r="X28" s="948"/>
      <c r="Y28" s="948"/>
      <c r="Z28" s="948"/>
      <c r="AA28" s="948"/>
      <c r="AB28" s="948"/>
      <c r="AC28" s="948"/>
      <c r="AD28" s="948"/>
      <c r="AE28" s="948"/>
      <c r="AF28" s="948"/>
      <c r="AG28" s="948"/>
      <c r="AH28" s="948"/>
      <c r="AI28" s="948"/>
      <c r="AJ28" s="948"/>
      <c r="AK28" s="948"/>
      <c r="AL28" s="948"/>
      <c r="AM28" s="948"/>
      <c r="AN28" s="948"/>
      <c r="AO28" s="948"/>
      <c r="AP28" s="948"/>
      <c r="AQ28" s="948"/>
      <c r="AR28" s="949"/>
    </row>
    <row r="29" spans="1:44" s="248" customFormat="1" ht="13.5" customHeight="1">
      <c r="A29" s="938"/>
      <c r="B29" s="939"/>
      <c r="C29" s="939"/>
      <c r="D29" s="939"/>
      <c r="E29" s="939"/>
      <c r="F29" s="939"/>
      <c r="G29" s="939"/>
      <c r="H29" s="939"/>
      <c r="I29" s="939"/>
      <c r="J29" s="939"/>
      <c r="K29" s="939"/>
      <c r="L29" s="939"/>
      <c r="M29" s="939"/>
      <c r="N29" s="939"/>
      <c r="O29" s="939"/>
      <c r="P29" s="939"/>
      <c r="Q29" s="939"/>
      <c r="R29" s="939"/>
      <c r="S29" s="939"/>
      <c r="T29" s="939"/>
      <c r="U29" s="939"/>
      <c r="V29" s="940"/>
      <c r="W29" s="947"/>
      <c r="X29" s="948"/>
      <c r="Y29" s="948"/>
      <c r="Z29" s="948"/>
      <c r="AA29" s="948"/>
      <c r="AB29" s="948"/>
      <c r="AC29" s="948"/>
      <c r="AD29" s="948"/>
      <c r="AE29" s="948"/>
      <c r="AF29" s="948"/>
      <c r="AG29" s="948"/>
      <c r="AH29" s="948"/>
      <c r="AI29" s="948"/>
      <c r="AJ29" s="948"/>
      <c r="AK29" s="948"/>
      <c r="AL29" s="948"/>
      <c r="AM29" s="948"/>
      <c r="AN29" s="948"/>
      <c r="AO29" s="948"/>
      <c r="AP29" s="948"/>
      <c r="AQ29" s="948"/>
      <c r="AR29" s="949"/>
    </row>
    <row r="30" spans="1:44" s="248" customFormat="1" ht="13.5" customHeight="1">
      <c r="A30" s="938"/>
      <c r="B30" s="939"/>
      <c r="C30" s="939"/>
      <c r="D30" s="939"/>
      <c r="E30" s="939"/>
      <c r="F30" s="939"/>
      <c r="G30" s="939"/>
      <c r="H30" s="939"/>
      <c r="I30" s="939"/>
      <c r="J30" s="939"/>
      <c r="K30" s="939"/>
      <c r="L30" s="939"/>
      <c r="M30" s="939"/>
      <c r="N30" s="939"/>
      <c r="O30" s="939"/>
      <c r="P30" s="939"/>
      <c r="Q30" s="939"/>
      <c r="R30" s="939"/>
      <c r="S30" s="939"/>
      <c r="T30" s="939"/>
      <c r="U30" s="939"/>
      <c r="V30" s="940"/>
      <c r="W30" s="947"/>
      <c r="X30" s="948"/>
      <c r="Y30" s="948"/>
      <c r="Z30" s="948"/>
      <c r="AA30" s="948"/>
      <c r="AB30" s="948"/>
      <c r="AC30" s="948"/>
      <c r="AD30" s="948"/>
      <c r="AE30" s="948"/>
      <c r="AF30" s="948"/>
      <c r="AG30" s="948"/>
      <c r="AH30" s="948"/>
      <c r="AI30" s="948"/>
      <c r="AJ30" s="948"/>
      <c r="AK30" s="948"/>
      <c r="AL30" s="948"/>
      <c r="AM30" s="948"/>
      <c r="AN30" s="948"/>
      <c r="AO30" s="948"/>
      <c r="AP30" s="948"/>
      <c r="AQ30" s="948"/>
      <c r="AR30" s="949"/>
    </row>
    <row r="31" spans="1:44" s="248" customFormat="1" ht="13.5" customHeight="1">
      <c r="A31" s="938"/>
      <c r="B31" s="939"/>
      <c r="C31" s="939"/>
      <c r="D31" s="939"/>
      <c r="E31" s="939"/>
      <c r="F31" s="939"/>
      <c r="G31" s="939"/>
      <c r="H31" s="939"/>
      <c r="I31" s="939"/>
      <c r="J31" s="939"/>
      <c r="K31" s="939"/>
      <c r="L31" s="939"/>
      <c r="M31" s="939"/>
      <c r="N31" s="939"/>
      <c r="O31" s="939"/>
      <c r="P31" s="939"/>
      <c r="Q31" s="939"/>
      <c r="R31" s="939"/>
      <c r="S31" s="939"/>
      <c r="T31" s="939"/>
      <c r="U31" s="939"/>
      <c r="V31" s="940"/>
      <c r="W31" s="947"/>
      <c r="X31" s="948"/>
      <c r="Y31" s="948"/>
      <c r="Z31" s="948"/>
      <c r="AA31" s="948"/>
      <c r="AB31" s="948"/>
      <c r="AC31" s="948"/>
      <c r="AD31" s="948"/>
      <c r="AE31" s="948"/>
      <c r="AF31" s="948"/>
      <c r="AG31" s="948"/>
      <c r="AH31" s="948"/>
      <c r="AI31" s="948"/>
      <c r="AJ31" s="948"/>
      <c r="AK31" s="948"/>
      <c r="AL31" s="948"/>
      <c r="AM31" s="948"/>
      <c r="AN31" s="948"/>
      <c r="AO31" s="948"/>
      <c r="AP31" s="948"/>
      <c r="AQ31" s="948"/>
      <c r="AR31" s="949"/>
    </row>
    <row r="32" spans="1:44" s="248" customFormat="1" ht="13.5" customHeight="1">
      <c r="A32" s="941"/>
      <c r="B32" s="942"/>
      <c r="C32" s="942"/>
      <c r="D32" s="942"/>
      <c r="E32" s="942"/>
      <c r="F32" s="942"/>
      <c r="G32" s="942"/>
      <c r="H32" s="942"/>
      <c r="I32" s="942"/>
      <c r="J32" s="942"/>
      <c r="K32" s="942"/>
      <c r="L32" s="942"/>
      <c r="M32" s="942"/>
      <c r="N32" s="942"/>
      <c r="O32" s="942"/>
      <c r="P32" s="942"/>
      <c r="Q32" s="942"/>
      <c r="R32" s="942"/>
      <c r="S32" s="942"/>
      <c r="T32" s="942"/>
      <c r="U32" s="942"/>
      <c r="V32" s="943"/>
      <c r="W32" s="950"/>
      <c r="X32" s="951"/>
      <c r="Y32" s="951"/>
      <c r="Z32" s="951"/>
      <c r="AA32" s="951"/>
      <c r="AB32" s="951"/>
      <c r="AC32" s="951"/>
      <c r="AD32" s="951"/>
      <c r="AE32" s="951"/>
      <c r="AF32" s="951"/>
      <c r="AG32" s="951"/>
      <c r="AH32" s="951"/>
      <c r="AI32" s="951"/>
      <c r="AJ32" s="951"/>
      <c r="AK32" s="951"/>
      <c r="AL32" s="951"/>
      <c r="AM32" s="951"/>
      <c r="AN32" s="951"/>
      <c r="AO32" s="951"/>
      <c r="AP32" s="951"/>
      <c r="AQ32" s="951"/>
      <c r="AR32" s="952"/>
    </row>
    <row r="33" spans="1:44" s="248" customFormat="1" ht="23.25" customHeight="1">
      <c r="A33" s="248" t="s">
        <v>65</v>
      </c>
      <c r="G33" s="251"/>
      <c r="H33" s="261"/>
      <c r="I33" s="261"/>
      <c r="J33" s="261"/>
      <c r="K33" s="261"/>
      <c r="L33" s="261"/>
      <c r="M33" s="261"/>
      <c r="N33" s="261"/>
      <c r="O33" s="261"/>
      <c r="P33" s="251"/>
      <c r="Q33" s="251"/>
      <c r="R33" s="251"/>
      <c r="S33" s="251"/>
      <c r="T33" s="251"/>
      <c r="U33" s="251"/>
      <c r="V33" s="251"/>
      <c r="W33" s="251"/>
      <c r="AF33" s="251"/>
      <c r="AG33" s="251"/>
      <c r="AH33" s="251"/>
      <c r="AJ33" s="251"/>
      <c r="AK33" s="251"/>
      <c r="AL33" s="251"/>
      <c r="AM33" s="251"/>
      <c r="AN33" s="251"/>
      <c r="AO33" s="251"/>
      <c r="AP33" s="251"/>
      <c r="AQ33" s="251"/>
      <c r="AR33" s="260" t="s">
        <v>66</v>
      </c>
    </row>
    <row r="97" spans="7:7">
      <c r="G97" s="486"/>
    </row>
  </sheetData>
  <mergeCells count="33">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I1:M1"/>
    <mergeCell ref="N1:AF2"/>
    <mergeCell ref="A1:H2"/>
  </mergeCells>
  <phoneticPr fontId="57"/>
  <pageMargins left="0.59055118110236227" right="0.59055118110236227" top="0.78740157480314965" bottom="0.39370078740157483" header="0.31496062992125984" footer="0.31496062992125984"/>
  <pageSetup paperSize="9" orientation="landscape" horizontalDpi="4294967294" verticalDpi="1200" r:id="rId1"/>
  <colBreaks count="1" manualBreakCount="1">
    <brk id="44" max="1048575" man="1"/>
  </col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sheetPr>
  <dimension ref="A1:BI162"/>
  <sheetViews>
    <sheetView zoomScaleNormal="100" zoomScaleSheetLayoutView="70" workbookViewId="0">
      <selection sqref="A1:G1"/>
    </sheetView>
  </sheetViews>
  <sheetFormatPr defaultRowHeight="13.5"/>
  <cols>
    <col min="1" max="90" width="2.375" customWidth="1"/>
  </cols>
  <sheetData>
    <row r="1" spans="1:61" ht="13.5" customHeight="1">
      <c r="A1" s="969" t="s">
        <v>75</v>
      </c>
      <c r="B1" s="970"/>
      <c r="C1" s="970"/>
      <c r="D1" s="970"/>
      <c r="E1" s="970"/>
      <c r="F1" s="970"/>
      <c r="G1" s="971"/>
      <c r="H1" s="969" t="s">
        <v>76</v>
      </c>
      <c r="I1" s="970"/>
      <c r="J1" s="970"/>
      <c r="K1" s="970"/>
      <c r="L1" s="970"/>
      <c r="M1" s="970"/>
      <c r="N1" s="970"/>
      <c r="O1" s="970"/>
      <c r="P1" s="970"/>
      <c r="Q1" s="970"/>
      <c r="R1" s="970"/>
      <c r="S1" s="970"/>
      <c r="T1" s="970"/>
      <c r="U1" s="970"/>
      <c r="V1" s="970"/>
      <c r="W1" s="971"/>
      <c r="X1" s="487"/>
      <c r="Y1" s="972" t="s">
        <v>77</v>
      </c>
      <c r="Z1" s="972"/>
      <c r="AA1" s="972"/>
      <c r="AB1" s="972"/>
      <c r="AC1" s="972"/>
      <c r="AD1" s="972"/>
      <c r="AE1" s="972"/>
      <c r="AF1" s="972"/>
      <c r="AG1" s="972"/>
      <c r="AH1" s="972"/>
      <c r="AI1" s="972"/>
      <c r="AJ1" s="972"/>
      <c r="AK1" s="972"/>
      <c r="AL1" s="972"/>
      <c r="AM1" s="972"/>
      <c r="AN1" s="972"/>
      <c r="AO1" s="972"/>
      <c r="AP1" s="972"/>
      <c r="AQ1" s="972"/>
      <c r="AR1" s="972"/>
      <c r="AS1" s="972"/>
      <c r="AT1" s="972"/>
      <c r="AU1" s="972"/>
      <c r="AV1" s="972"/>
      <c r="AW1" s="972"/>
      <c r="AX1" s="972"/>
      <c r="AY1" s="972"/>
      <c r="AZ1" s="972"/>
      <c r="BA1" s="972"/>
      <c r="BB1" s="972"/>
      <c r="BC1" s="972"/>
      <c r="BD1" s="972"/>
      <c r="BE1" s="972"/>
      <c r="BF1" s="972"/>
      <c r="BG1" s="972"/>
      <c r="BH1" s="972"/>
      <c r="BI1" s="488"/>
    </row>
    <row r="2" spans="1:61" ht="13.5" customHeight="1">
      <c r="A2" s="973" t="s">
        <v>78</v>
      </c>
      <c r="B2" s="974"/>
      <c r="C2" s="974"/>
      <c r="D2" s="974"/>
      <c r="E2" s="974"/>
      <c r="F2" s="974"/>
      <c r="G2" s="975"/>
      <c r="H2" s="489"/>
      <c r="I2" s="490" t="s">
        <v>79</v>
      </c>
      <c r="J2" s="490"/>
      <c r="K2" s="490"/>
      <c r="L2" s="490"/>
      <c r="M2" s="490"/>
      <c r="N2" s="490"/>
      <c r="O2" s="490"/>
      <c r="P2" s="490"/>
      <c r="Q2" s="490"/>
      <c r="R2" s="490"/>
      <c r="S2" s="490"/>
      <c r="T2" s="490"/>
      <c r="U2" s="490"/>
      <c r="V2" s="490"/>
      <c r="W2" s="491"/>
      <c r="X2" s="489"/>
      <c r="Y2" s="490" t="s">
        <v>80</v>
      </c>
      <c r="Z2" s="490"/>
      <c r="AA2" s="490"/>
      <c r="AB2" s="490"/>
      <c r="AC2" s="490"/>
      <c r="AD2" s="490"/>
      <c r="AE2" s="490"/>
      <c r="AF2" s="490"/>
      <c r="AG2" s="490"/>
      <c r="AH2" s="490"/>
      <c r="AI2" s="490"/>
      <c r="AJ2" s="490"/>
      <c r="AK2" s="490"/>
      <c r="AL2" s="490"/>
      <c r="AM2" s="490"/>
      <c r="AN2" s="490"/>
      <c r="AO2" s="490"/>
      <c r="AP2" s="490"/>
      <c r="AQ2" s="490"/>
      <c r="AR2" s="490"/>
      <c r="AS2" s="490"/>
      <c r="AT2" s="490"/>
      <c r="AU2" s="490"/>
      <c r="AV2" s="490"/>
      <c r="AW2" s="490"/>
      <c r="AX2" s="490"/>
      <c r="AY2" s="490"/>
      <c r="AZ2" s="490"/>
      <c r="BA2" s="490"/>
      <c r="BB2" s="490"/>
      <c r="BC2" s="490"/>
      <c r="BD2" s="490"/>
      <c r="BE2" s="490"/>
      <c r="BF2" s="490"/>
      <c r="BG2" s="490"/>
      <c r="BH2" s="490"/>
      <c r="BI2" s="491"/>
    </row>
    <row r="3" spans="1:61" ht="13.5" customHeight="1">
      <c r="A3" s="747"/>
      <c r="B3" s="748"/>
      <c r="C3" s="748"/>
      <c r="D3" s="748"/>
      <c r="E3" s="748"/>
      <c r="F3" s="748"/>
      <c r="G3" s="749"/>
      <c r="H3" s="492"/>
      <c r="I3" s="493" t="s">
        <v>81</v>
      </c>
      <c r="J3" s="493"/>
      <c r="K3" s="493"/>
      <c r="L3" s="493"/>
      <c r="M3" s="493"/>
      <c r="N3" s="493"/>
      <c r="O3" s="493"/>
      <c r="P3" s="493"/>
      <c r="Q3" s="493"/>
      <c r="R3" s="493"/>
      <c r="S3" s="493"/>
      <c r="T3" s="493"/>
      <c r="U3" s="493"/>
      <c r="V3" s="493"/>
      <c r="W3" s="494"/>
      <c r="X3" s="492"/>
      <c r="Y3" s="495" t="s">
        <v>297</v>
      </c>
      <c r="Z3" s="493"/>
      <c r="AA3" s="493"/>
      <c r="AB3" s="493"/>
      <c r="AC3" s="493"/>
      <c r="AD3" s="493"/>
      <c r="AE3" s="493"/>
      <c r="AF3" s="493"/>
      <c r="AG3" s="493"/>
      <c r="AH3" s="493"/>
      <c r="AI3" s="493"/>
      <c r="AJ3" s="493"/>
      <c r="AK3" s="493"/>
      <c r="AL3" s="493"/>
      <c r="AM3" s="493"/>
      <c r="AN3" s="493"/>
      <c r="AO3" s="493"/>
      <c r="AP3" s="493"/>
      <c r="AQ3" s="493"/>
      <c r="AR3" s="493"/>
      <c r="AS3" s="493"/>
      <c r="AT3" s="493"/>
      <c r="AU3" s="493"/>
      <c r="AV3" s="493"/>
      <c r="AW3" s="493"/>
      <c r="AX3" s="493"/>
      <c r="AY3" s="493"/>
      <c r="AZ3" s="493"/>
      <c r="BA3" s="493"/>
      <c r="BB3" s="493"/>
      <c r="BC3" s="493"/>
      <c r="BD3" s="493"/>
      <c r="BE3" s="493"/>
      <c r="BF3" s="493"/>
      <c r="BG3" s="493"/>
      <c r="BH3" s="493"/>
      <c r="BI3" s="494"/>
    </row>
    <row r="4" spans="1:61" ht="13.5" customHeight="1">
      <c r="A4" s="747"/>
      <c r="B4" s="748"/>
      <c r="C4" s="748"/>
      <c r="D4" s="748"/>
      <c r="E4" s="748"/>
      <c r="F4" s="748"/>
      <c r="G4" s="749"/>
      <c r="H4" s="492"/>
      <c r="I4" s="496"/>
      <c r="J4" s="493"/>
      <c r="K4" s="493"/>
      <c r="L4" s="493"/>
      <c r="M4" s="493"/>
      <c r="N4" s="493"/>
      <c r="O4" s="493"/>
      <c r="P4" s="493"/>
      <c r="Q4" s="493"/>
      <c r="R4" s="493"/>
      <c r="S4" s="493"/>
      <c r="T4" s="493"/>
      <c r="U4" s="493"/>
      <c r="V4" s="493"/>
      <c r="W4" s="494"/>
      <c r="X4" s="492"/>
      <c r="Y4" s="497" t="s">
        <v>294</v>
      </c>
      <c r="Z4" s="493"/>
      <c r="AA4" s="493"/>
      <c r="AB4" s="493"/>
      <c r="AC4" s="493"/>
      <c r="AD4" s="493"/>
      <c r="AE4" s="493"/>
      <c r="AF4" s="493"/>
      <c r="AG4" s="493"/>
      <c r="AH4" s="493"/>
      <c r="AI4" s="493"/>
      <c r="AJ4" s="493"/>
      <c r="AK4" s="493"/>
      <c r="AL4" s="493"/>
      <c r="AM4" s="493"/>
      <c r="AN4" s="493"/>
      <c r="AO4" s="495" t="s">
        <v>527</v>
      </c>
      <c r="AP4" s="493"/>
      <c r="AQ4" s="493"/>
      <c r="AR4" s="493"/>
      <c r="AS4" s="493"/>
      <c r="AT4" s="493"/>
      <c r="AU4" s="493"/>
      <c r="AV4" s="493"/>
      <c r="AW4" s="493"/>
      <c r="AX4" s="493"/>
      <c r="AY4" s="493"/>
      <c r="AZ4" s="493"/>
      <c r="BA4" s="493"/>
      <c r="BB4" s="493"/>
      <c r="BC4" s="493"/>
      <c r="BD4" s="493"/>
      <c r="BE4" s="493"/>
      <c r="BF4" s="493"/>
      <c r="BG4" s="493"/>
      <c r="BH4" s="493"/>
      <c r="BI4" s="494"/>
    </row>
    <row r="5" spans="1:61" ht="13.5" customHeight="1">
      <c r="A5" s="747"/>
      <c r="B5" s="748"/>
      <c r="C5" s="748"/>
      <c r="D5" s="748"/>
      <c r="E5" s="748"/>
      <c r="F5" s="748"/>
      <c r="G5" s="749"/>
      <c r="H5" s="492"/>
      <c r="I5" s="493" t="s">
        <v>82</v>
      </c>
      <c r="J5" s="493"/>
      <c r="K5" s="493"/>
      <c r="L5" s="493"/>
      <c r="M5" s="493"/>
      <c r="N5" s="493"/>
      <c r="O5" s="493"/>
      <c r="P5" s="493"/>
      <c r="Q5" s="493"/>
      <c r="R5" s="493"/>
      <c r="S5" s="493"/>
      <c r="T5" s="493"/>
      <c r="U5" s="493"/>
      <c r="V5" s="493"/>
      <c r="W5" s="494"/>
      <c r="X5" s="492"/>
      <c r="Y5" s="493" t="s">
        <v>526</v>
      </c>
      <c r="Z5" s="493"/>
      <c r="AA5" s="493"/>
      <c r="AB5" s="493"/>
      <c r="AC5" s="493"/>
      <c r="AD5" s="493"/>
      <c r="AE5" s="493"/>
      <c r="AF5" s="493"/>
      <c r="AG5" s="493"/>
      <c r="AH5" s="493"/>
      <c r="AI5" s="493"/>
      <c r="AJ5" s="493"/>
      <c r="AK5" s="493"/>
      <c r="AL5" s="493"/>
      <c r="AM5" s="495" t="s">
        <v>293</v>
      </c>
      <c r="AN5" s="493"/>
      <c r="AO5" s="493"/>
      <c r="AP5" s="493"/>
      <c r="AQ5" s="493"/>
      <c r="AR5" s="493"/>
      <c r="AS5" s="493"/>
      <c r="AT5" s="493"/>
      <c r="AU5" s="493"/>
      <c r="AV5" s="493"/>
      <c r="AW5" s="493"/>
      <c r="AX5" s="493"/>
      <c r="AY5" s="495" t="s">
        <v>299</v>
      </c>
      <c r="AZ5" s="493"/>
      <c r="BA5" s="493"/>
      <c r="BB5" s="493"/>
      <c r="BC5" s="493"/>
      <c r="BD5" s="493"/>
      <c r="BE5" s="493"/>
      <c r="BF5" s="493"/>
      <c r="BG5" s="493"/>
      <c r="BH5" s="493"/>
      <c r="BI5" s="494"/>
    </row>
    <row r="6" spans="1:61" ht="13.5" customHeight="1">
      <c r="A6" s="747"/>
      <c r="B6" s="748"/>
      <c r="C6" s="748"/>
      <c r="D6" s="748"/>
      <c r="E6" s="748"/>
      <c r="F6" s="748"/>
      <c r="G6" s="749"/>
      <c r="H6" s="492"/>
      <c r="I6" s="493"/>
      <c r="J6" s="493"/>
      <c r="K6" s="493"/>
      <c r="L6" s="493"/>
      <c r="M6" s="493"/>
      <c r="N6" s="493"/>
      <c r="O6" s="493"/>
      <c r="P6" s="493"/>
      <c r="Q6" s="493"/>
      <c r="R6" s="493"/>
      <c r="S6" s="493"/>
      <c r="T6" s="493"/>
      <c r="U6" s="493"/>
      <c r="V6" s="493"/>
      <c r="W6" s="494"/>
      <c r="X6" s="492"/>
      <c r="Y6" s="495"/>
      <c r="Z6" s="493"/>
      <c r="AA6" s="493"/>
      <c r="AB6" s="493"/>
      <c r="AC6" s="493"/>
      <c r="AD6" s="493"/>
      <c r="AE6" s="493"/>
      <c r="AF6" s="493"/>
      <c r="AG6" s="493"/>
      <c r="AH6" s="493"/>
      <c r="AI6" s="493"/>
      <c r="AJ6" s="493"/>
      <c r="AK6" s="493"/>
      <c r="AL6" s="493"/>
      <c r="AM6" s="495" t="s">
        <v>292</v>
      </c>
      <c r="AN6" s="493"/>
      <c r="AO6" s="493"/>
      <c r="AP6" s="493"/>
      <c r="AQ6" s="493"/>
      <c r="AR6" s="493"/>
      <c r="AS6" s="493"/>
      <c r="AT6" s="493"/>
      <c r="AU6" s="493"/>
      <c r="AV6" s="493"/>
      <c r="AW6" s="493"/>
      <c r="AX6" s="493"/>
      <c r="AY6" s="495" t="s">
        <v>298</v>
      </c>
      <c r="AZ6" s="493"/>
      <c r="BA6" s="493"/>
      <c r="BB6" s="493"/>
      <c r="BC6" s="493"/>
      <c r="BD6" s="493"/>
      <c r="BE6" s="493"/>
      <c r="BF6" s="493"/>
      <c r="BG6" s="493"/>
      <c r="BH6" s="493"/>
      <c r="BI6" s="494"/>
    </row>
    <row r="7" spans="1:61" ht="13.5" customHeight="1">
      <c r="A7" s="747"/>
      <c r="B7" s="748"/>
      <c r="C7" s="748"/>
      <c r="D7" s="748"/>
      <c r="E7" s="748"/>
      <c r="F7" s="748"/>
      <c r="G7" s="749"/>
      <c r="H7" s="492"/>
      <c r="I7" s="493"/>
      <c r="J7" s="493"/>
      <c r="K7" s="493"/>
      <c r="L7" s="493"/>
      <c r="M7" s="493"/>
      <c r="N7" s="493"/>
      <c r="O7" s="493"/>
      <c r="P7" s="493"/>
      <c r="Q7" s="493"/>
      <c r="R7" s="493"/>
      <c r="S7" s="493"/>
      <c r="T7" s="493"/>
      <c r="U7" s="493"/>
      <c r="V7" s="493"/>
      <c r="W7" s="494"/>
      <c r="X7" s="492"/>
      <c r="Y7" s="496"/>
      <c r="Z7" s="493"/>
      <c r="AA7" s="493"/>
      <c r="AB7" s="493"/>
      <c r="AC7" s="493"/>
      <c r="AD7" s="493"/>
      <c r="AE7" s="493"/>
      <c r="AF7" s="493"/>
      <c r="AG7" s="493"/>
      <c r="AH7" s="493"/>
      <c r="AI7" s="493"/>
      <c r="AJ7" s="493"/>
      <c r="AK7" s="493"/>
      <c r="AL7" s="493"/>
      <c r="AM7" s="495" t="s">
        <v>83</v>
      </c>
      <c r="AN7" s="493"/>
      <c r="AO7" s="493"/>
      <c r="AP7" s="493"/>
      <c r="AQ7" s="493"/>
      <c r="AR7" s="493"/>
      <c r="AS7" s="493"/>
      <c r="AT7" s="493"/>
      <c r="AU7" s="493"/>
      <c r="AV7" s="493"/>
      <c r="AW7" s="493"/>
      <c r="AX7" s="493"/>
      <c r="AY7" s="493"/>
      <c r="AZ7" s="493"/>
      <c r="BA7" s="493"/>
      <c r="BB7" s="493"/>
      <c r="BC7" s="493"/>
      <c r="BD7" s="493"/>
      <c r="BE7" s="493"/>
      <c r="BF7" s="493"/>
      <c r="BG7" s="493"/>
      <c r="BH7" s="493"/>
      <c r="BI7" s="494"/>
    </row>
    <row r="8" spans="1:61" ht="13.5" customHeight="1">
      <c r="A8" s="747"/>
      <c r="B8" s="748"/>
      <c r="C8" s="748"/>
      <c r="D8" s="748"/>
      <c r="E8" s="748"/>
      <c r="F8" s="748"/>
      <c r="G8" s="749"/>
      <c r="H8" s="492"/>
      <c r="I8" s="493" t="s">
        <v>84</v>
      </c>
      <c r="J8" s="493"/>
      <c r="K8" s="493"/>
      <c r="L8" s="493"/>
      <c r="M8" s="493"/>
      <c r="N8" s="493"/>
      <c r="O8" s="493"/>
      <c r="P8" s="493"/>
      <c r="Q8" s="493"/>
      <c r="R8" s="493"/>
      <c r="S8" s="493"/>
      <c r="T8" s="493"/>
      <c r="U8" s="493"/>
      <c r="V8" s="493"/>
      <c r="W8" s="494"/>
      <c r="X8" s="492"/>
      <c r="Y8" s="493" t="s">
        <v>85</v>
      </c>
      <c r="Z8" s="493"/>
      <c r="AA8" s="493"/>
      <c r="AB8" s="493"/>
      <c r="AC8" s="493"/>
      <c r="AD8" s="493" t="s">
        <v>86</v>
      </c>
      <c r="AE8" s="493"/>
      <c r="AF8" s="493"/>
      <c r="AG8" s="493"/>
      <c r="AH8" s="493"/>
      <c r="AI8" s="493"/>
      <c r="AJ8" s="493"/>
      <c r="AK8" s="493"/>
      <c r="AL8" s="493"/>
      <c r="AM8" s="493" t="s">
        <v>87</v>
      </c>
      <c r="AN8" s="493"/>
      <c r="AO8" s="493"/>
      <c r="AP8" s="493"/>
      <c r="AQ8" s="493"/>
      <c r="AR8" s="493"/>
      <c r="AS8" s="493"/>
      <c r="AT8" s="493"/>
      <c r="AU8" s="493"/>
      <c r="AV8" s="493"/>
      <c r="AW8" s="493"/>
      <c r="AX8" s="493"/>
      <c r="AY8" s="493"/>
      <c r="AZ8" s="493"/>
      <c r="BA8" s="493"/>
      <c r="BB8" s="493"/>
      <c r="BC8" s="493"/>
      <c r="BD8" s="493"/>
      <c r="BE8" s="493"/>
      <c r="BF8" s="493"/>
      <c r="BG8" s="493"/>
      <c r="BH8" s="493"/>
      <c r="BI8" s="494"/>
    </row>
    <row r="9" spans="1:61" ht="13.5" customHeight="1">
      <c r="A9" s="747"/>
      <c r="B9" s="748"/>
      <c r="C9" s="748"/>
      <c r="D9" s="748"/>
      <c r="E9" s="748"/>
      <c r="F9" s="748"/>
      <c r="G9" s="749"/>
      <c r="H9" s="492"/>
      <c r="I9" s="493"/>
      <c r="J9" s="493"/>
      <c r="K9" s="493"/>
      <c r="L9" s="493"/>
      <c r="M9" s="493"/>
      <c r="N9" s="493"/>
      <c r="O9" s="493"/>
      <c r="P9" s="493"/>
      <c r="Q9" s="493"/>
      <c r="R9" s="493"/>
      <c r="S9" s="493"/>
      <c r="T9" s="493"/>
      <c r="U9" s="493"/>
      <c r="V9" s="493"/>
      <c r="W9" s="494"/>
      <c r="X9" s="492"/>
      <c r="Y9" s="493"/>
      <c r="Z9" s="493"/>
      <c r="AA9" s="493"/>
      <c r="AB9" s="493"/>
      <c r="AC9" s="493"/>
      <c r="AD9" s="493"/>
      <c r="AE9" s="493"/>
      <c r="AF9" s="493"/>
      <c r="AG9" s="493"/>
      <c r="AH9" s="493"/>
      <c r="AI9" s="493"/>
      <c r="AJ9" s="493"/>
      <c r="AK9" s="493"/>
      <c r="AL9" s="493"/>
      <c r="AM9" s="493" t="s">
        <v>88</v>
      </c>
      <c r="AN9" s="493"/>
      <c r="AO9" s="493"/>
      <c r="AP9" s="493"/>
      <c r="AQ9" s="493"/>
      <c r="AR9" s="493"/>
      <c r="AS9" s="493"/>
      <c r="AT9" s="493"/>
      <c r="AU9" s="493"/>
      <c r="AV9" s="493"/>
      <c r="AW9" s="493"/>
      <c r="AX9" s="493"/>
      <c r="AY9" s="493"/>
      <c r="AZ9" s="493"/>
      <c r="BA9" s="493"/>
      <c r="BB9" s="493"/>
      <c r="BC9" s="493"/>
      <c r="BD9" s="493"/>
      <c r="BE9" s="493"/>
      <c r="BF9" s="493"/>
      <c r="BG9" s="493"/>
      <c r="BH9" s="493"/>
      <c r="BI9" s="494"/>
    </row>
    <row r="10" spans="1:61" ht="13.5" customHeight="1">
      <c r="A10" s="747"/>
      <c r="B10" s="748"/>
      <c r="C10" s="748"/>
      <c r="D10" s="748"/>
      <c r="E10" s="748"/>
      <c r="F10" s="748"/>
      <c r="G10" s="749"/>
      <c r="H10" s="492"/>
      <c r="I10" s="493" t="s">
        <v>89</v>
      </c>
      <c r="J10" s="493"/>
      <c r="K10" s="493"/>
      <c r="L10" s="493"/>
      <c r="M10" s="493"/>
      <c r="N10" s="493"/>
      <c r="O10" s="493"/>
      <c r="P10" s="493"/>
      <c r="Q10" s="493"/>
      <c r="R10" s="493"/>
      <c r="S10" s="493"/>
      <c r="T10" s="493"/>
      <c r="U10" s="493"/>
      <c r="V10" s="493"/>
      <c r="W10" s="494"/>
      <c r="X10" s="492"/>
      <c r="Y10" s="493" t="s">
        <v>90</v>
      </c>
      <c r="Z10" s="493"/>
      <c r="AA10" s="493"/>
      <c r="AB10" s="493"/>
      <c r="AC10" s="493"/>
      <c r="AD10" s="493"/>
      <c r="AE10" s="493"/>
      <c r="AF10" s="493"/>
      <c r="AG10" s="493"/>
      <c r="AH10" s="493" t="s">
        <v>91</v>
      </c>
      <c r="AI10" s="493"/>
      <c r="AJ10" s="493"/>
      <c r="AK10" s="493"/>
      <c r="AL10" s="493"/>
      <c r="AM10" s="493"/>
      <c r="AN10" s="493"/>
      <c r="AO10" s="493"/>
      <c r="AP10" s="493"/>
      <c r="AQ10" s="493"/>
      <c r="AR10" s="493"/>
      <c r="AS10" s="493" t="s">
        <v>92</v>
      </c>
      <c r="AT10" s="493"/>
      <c r="AU10" s="493"/>
      <c r="AV10" s="493"/>
      <c r="AW10" s="493"/>
      <c r="AX10" s="493"/>
      <c r="AY10" s="493"/>
      <c r="AZ10" s="493"/>
      <c r="BA10" s="493"/>
      <c r="BB10" s="493"/>
      <c r="BC10" s="493"/>
      <c r="BD10" s="493"/>
      <c r="BE10" s="493"/>
      <c r="BF10" s="493"/>
      <c r="BG10" s="493"/>
      <c r="BH10" s="493"/>
      <c r="BI10" s="494"/>
    </row>
    <row r="11" spans="1:61" ht="13.5" customHeight="1">
      <c r="A11" s="747"/>
      <c r="B11" s="748"/>
      <c r="C11" s="748"/>
      <c r="D11" s="748"/>
      <c r="E11" s="748"/>
      <c r="F11" s="748"/>
      <c r="G11" s="749"/>
      <c r="H11" s="492"/>
      <c r="I11" s="493"/>
      <c r="J11" s="493"/>
      <c r="K11" s="493"/>
      <c r="L11" s="493"/>
      <c r="M11" s="493"/>
      <c r="N11" s="493"/>
      <c r="O11" s="493"/>
      <c r="P11" s="493"/>
      <c r="Q11" s="493"/>
      <c r="R11" s="493"/>
      <c r="S11" s="493"/>
      <c r="T11" s="493"/>
      <c r="U11" s="493"/>
      <c r="V11" s="493"/>
      <c r="W11" s="494"/>
      <c r="X11" s="492"/>
      <c r="Y11" s="493"/>
      <c r="Z11" s="493" t="s">
        <v>93</v>
      </c>
      <c r="AA11" s="493"/>
      <c r="AB11" s="493"/>
      <c r="AC11" s="493"/>
      <c r="AD11" s="493"/>
      <c r="AE11" s="493"/>
      <c r="AF11" s="493"/>
      <c r="AG11" s="493"/>
      <c r="AH11" s="493"/>
      <c r="AI11" s="493"/>
      <c r="AJ11" s="493"/>
      <c r="AK11" s="493"/>
      <c r="AL11" s="493"/>
      <c r="AM11" s="493"/>
      <c r="AN11" s="493"/>
      <c r="AO11" s="493"/>
      <c r="AP11" s="493"/>
      <c r="AQ11" s="493"/>
      <c r="AR11" s="493"/>
      <c r="AS11" s="493"/>
      <c r="AT11" s="493"/>
      <c r="AU11" s="493"/>
      <c r="AV11" s="493"/>
      <c r="AW11" s="493"/>
      <c r="AX11" s="493"/>
      <c r="AY11" s="493"/>
      <c r="AZ11" s="493"/>
      <c r="BA11" s="493"/>
      <c r="BB11" s="493"/>
      <c r="BC11" s="493"/>
      <c r="BD11" s="493"/>
      <c r="BE11" s="493"/>
      <c r="BF11" s="493"/>
      <c r="BG11" s="493"/>
      <c r="BH11" s="493"/>
      <c r="BI11" s="494"/>
    </row>
    <row r="12" spans="1:61" ht="13.5" customHeight="1">
      <c r="A12" s="747"/>
      <c r="B12" s="748"/>
      <c r="C12" s="748"/>
      <c r="D12" s="748"/>
      <c r="E12" s="748"/>
      <c r="F12" s="748"/>
      <c r="G12" s="749"/>
      <c r="H12" s="492"/>
      <c r="I12" s="493"/>
      <c r="J12" s="493"/>
      <c r="K12" s="493"/>
      <c r="L12" s="493"/>
      <c r="M12" s="493"/>
      <c r="N12" s="493"/>
      <c r="O12" s="493"/>
      <c r="P12" s="493"/>
      <c r="Q12" s="493"/>
      <c r="R12" s="493"/>
      <c r="S12" s="493"/>
      <c r="T12" s="493"/>
      <c r="U12" s="493"/>
      <c r="V12" s="493"/>
      <c r="W12" s="494"/>
      <c r="X12" s="492"/>
      <c r="Y12" s="493"/>
      <c r="Z12" s="493"/>
      <c r="AA12" s="493" t="s">
        <v>94</v>
      </c>
      <c r="AB12" s="493"/>
      <c r="AC12" s="493"/>
      <c r="AD12" s="493" t="s">
        <v>95</v>
      </c>
      <c r="AE12" s="493"/>
      <c r="AF12" s="493"/>
      <c r="AG12" s="493"/>
      <c r="AH12" s="493"/>
      <c r="AI12" s="493"/>
      <c r="AJ12" s="493"/>
      <c r="AK12" s="493"/>
      <c r="AL12" s="493"/>
      <c r="AM12" s="493"/>
      <c r="AN12" s="493"/>
      <c r="AO12" s="493"/>
      <c r="AP12" s="493"/>
      <c r="AQ12" s="493"/>
      <c r="AR12" s="493"/>
      <c r="AS12" s="493"/>
      <c r="AT12" s="493"/>
      <c r="AU12" s="493"/>
      <c r="AV12" s="493"/>
      <c r="AW12" s="493"/>
      <c r="AX12" s="493"/>
      <c r="AY12" s="493"/>
      <c r="AZ12" s="493"/>
      <c r="BA12" s="493"/>
      <c r="BB12" s="493"/>
      <c r="BC12" s="493"/>
      <c r="BD12" s="493"/>
      <c r="BE12" s="493"/>
      <c r="BF12" s="493"/>
      <c r="BG12" s="493"/>
      <c r="BH12" s="493"/>
      <c r="BI12" s="494"/>
    </row>
    <row r="13" spans="1:61" ht="13.5" customHeight="1">
      <c r="A13" s="747"/>
      <c r="B13" s="748"/>
      <c r="C13" s="748"/>
      <c r="D13" s="748"/>
      <c r="E13" s="748"/>
      <c r="F13" s="748"/>
      <c r="G13" s="749"/>
      <c r="H13" s="492"/>
      <c r="I13" s="493"/>
      <c r="J13" s="493"/>
      <c r="K13" s="493"/>
      <c r="L13" s="493"/>
      <c r="M13" s="493"/>
      <c r="N13" s="493"/>
      <c r="O13" s="493"/>
      <c r="P13" s="493"/>
      <c r="Q13" s="493"/>
      <c r="R13" s="493"/>
      <c r="S13" s="493"/>
      <c r="T13" s="493"/>
      <c r="U13" s="493"/>
      <c r="V13" s="493"/>
      <c r="W13" s="494"/>
      <c r="X13" s="492"/>
      <c r="Y13" s="493"/>
      <c r="Z13" s="493" t="s">
        <v>96</v>
      </c>
      <c r="AA13" s="493"/>
      <c r="AB13" s="493"/>
      <c r="AC13" s="493"/>
      <c r="AD13" s="493"/>
      <c r="AE13" s="493"/>
      <c r="AF13" s="493"/>
      <c r="AG13" s="493"/>
      <c r="AH13" s="493"/>
      <c r="AI13" s="493"/>
      <c r="AJ13" s="493"/>
      <c r="AK13" s="493"/>
      <c r="AL13" s="493"/>
      <c r="AM13" s="493"/>
      <c r="AN13" s="493"/>
      <c r="AO13" s="493"/>
      <c r="AP13" s="493"/>
      <c r="AQ13" s="493"/>
      <c r="AR13" s="493"/>
      <c r="AS13" s="493"/>
      <c r="AT13" s="493"/>
      <c r="AU13" s="493"/>
      <c r="AV13" s="493"/>
      <c r="AW13" s="493"/>
      <c r="AX13" s="493"/>
      <c r="AY13" s="493"/>
      <c r="AZ13" s="493"/>
      <c r="BA13" s="493"/>
      <c r="BB13" s="493"/>
      <c r="BC13" s="493"/>
      <c r="BD13" s="493"/>
      <c r="BE13" s="493"/>
      <c r="BF13" s="493"/>
      <c r="BG13" s="493"/>
      <c r="BH13" s="493"/>
      <c r="BI13" s="494"/>
    </row>
    <row r="14" spans="1:61" ht="13.5" customHeight="1">
      <c r="A14" s="747"/>
      <c r="B14" s="748"/>
      <c r="C14" s="748"/>
      <c r="D14" s="748"/>
      <c r="E14" s="748"/>
      <c r="F14" s="748"/>
      <c r="G14" s="749"/>
      <c r="H14" s="492"/>
      <c r="I14" s="493"/>
      <c r="J14" s="493"/>
      <c r="K14" s="493"/>
      <c r="L14" s="493"/>
      <c r="M14" s="493"/>
      <c r="N14" s="493"/>
      <c r="O14" s="493"/>
      <c r="P14" s="493"/>
      <c r="Q14" s="493"/>
      <c r="R14" s="493"/>
      <c r="S14" s="493"/>
      <c r="T14" s="493"/>
      <c r="U14" s="493"/>
      <c r="V14" s="493"/>
      <c r="W14" s="494"/>
      <c r="X14" s="492"/>
      <c r="Y14" s="493"/>
      <c r="Z14" s="493"/>
      <c r="AA14" s="493" t="s">
        <v>94</v>
      </c>
      <c r="AB14" s="493"/>
      <c r="AC14" s="493"/>
      <c r="AD14" s="493" t="s">
        <v>95</v>
      </c>
      <c r="AE14" s="493"/>
      <c r="AF14" s="493"/>
      <c r="AG14" s="493"/>
      <c r="AH14" s="493"/>
      <c r="AI14" s="493"/>
      <c r="AJ14" s="493"/>
      <c r="AK14" s="493"/>
      <c r="AL14" s="493"/>
      <c r="AM14" s="493"/>
      <c r="AN14" s="493"/>
      <c r="AO14" s="493"/>
      <c r="AP14" s="493"/>
      <c r="AQ14" s="493"/>
      <c r="AR14" s="493"/>
      <c r="AS14" s="493"/>
      <c r="AT14" s="493"/>
      <c r="AU14" s="493"/>
      <c r="AV14" s="493"/>
      <c r="AW14" s="493"/>
      <c r="AX14" s="493"/>
      <c r="AY14" s="493"/>
      <c r="AZ14" s="493"/>
      <c r="BA14" s="493"/>
      <c r="BB14" s="493"/>
      <c r="BC14" s="493"/>
      <c r="BD14" s="493"/>
      <c r="BE14" s="493"/>
      <c r="BF14" s="493"/>
      <c r="BG14" s="493"/>
      <c r="BH14" s="493"/>
      <c r="BI14" s="494"/>
    </row>
    <row r="15" spans="1:61" ht="13.5" customHeight="1">
      <c r="A15" s="747"/>
      <c r="B15" s="748"/>
      <c r="C15" s="748"/>
      <c r="D15" s="748"/>
      <c r="E15" s="748"/>
      <c r="F15" s="748"/>
      <c r="G15" s="749"/>
      <c r="H15" s="492"/>
      <c r="I15" s="493" t="s">
        <v>97</v>
      </c>
      <c r="J15" s="493"/>
      <c r="K15" s="493"/>
      <c r="L15" s="493"/>
      <c r="M15" s="493"/>
      <c r="N15" s="493"/>
      <c r="O15" s="493"/>
      <c r="P15" s="493"/>
      <c r="Q15" s="493"/>
      <c r="R15" s="493"/>
      <c r="S15" s="493"/>
      <c r="T15" s="493"/>
      <c r="U15" s="493"/>
      <c r="V15" s="493"/>
      <c r="W15" s="494"/>
      <c r="X15" s="492"/>
      <c r="Y15" s="493" t="s">
        <v>437</v>
      </c>
      <c r="Z15" s="493"/>
      <c r="AA15" s="493"/>
      <c r="AB15" s="493"/>
      <c r="AC15" s="493" t="s">
        <v>438</v>
      </c>
      <c r="AD15" s="493"/>
      <c r="AE15" s="493"/>
      <c r="AF15" s="493"/>
      <c r="AG15" s="493"/>
      <c r="AH15" s="493"/>
      <c r="AI15" s="493"/>
      <c r="AJ15" s="493"/>
      <c r="AK15" s="493"/>
      <c r="AL15" s="493"/>
      <c r="AM15" s="493"/>
      <c r="AN15" s="493"/>
      <c r="AO15" s="493"/>
      <c r="AP15" s="493"/>
      <c r="AQ15" s="493"/>
      <c r="AR15" s="493"/>
      <c r="AS15" s="493"/>
      <c r="AT15" s="493"/>
      <c r="AU15" s="493"/>
      <c r="AV15" s="493"/>
      <c r="AW15" s="493"/>
      <c r="AX15" s="493"/>
      <c r="AY15" s="493"/>
      <c r="AZ15" s="493"/>
      <c r="BA15" s="493"/>
      <c r="BB15" s="493"/>
      <c r="BC15" s="493"/>
      <c r="BD15" s="493"/>
      <c r="BE15" s="493"/>
      <c r="BF15" s="493"/>
      <c r="BG15" s="493"/>
      <c r="BH15" s="493"/>
      <c r="BI15" s="494"/>
    </row>
    <row r="16" spans="1:61" ht="13.5" customHeight="1">
      <c r="A16" s="498"/>
      <c r="B16" s="499"/>
      <c r="C16" s="499"/>
      <c r="D16" s="499"/>
      <c r="E16" s="499"/>
      <c r="F16" s="499"/>
      <c r="G16" s="500"/>
      <c r="H16" s="501"/>
      <c r="I16" s="502"/>
      <c r="J16" s="502"/>
      <c r="K16" s="502"/>
      <c r="L16" s="502"/>
      <c r="M16" s="502"/>
      <c r="N16" s="502"/>
      <c r="O16" s="502"/>
      <c r="P16" s="502"/>
      <c r="Q16" s="502"/>
      <c r="R16" s="502"/>
      <c r="S16" s="502"/>
      <c r="T16" s="502"/>
      <c r="U16" s="502"/>
      <c r="V16" s="502"/>
      <c r="W16" s="503"/>
      <c r="X16" s="501"/>
      <c r="Y16" s="502"/>
      <c r="Z16" s="502"/>
      <c r="AA16" s="502"/>
      <c r="AB16" s="502"/>
      <c r="AC16" s="502"/>
      <c r="AD16" s="502"/>
      <c r="AE16" s="502"/>
      <c r="AF16" s="502"/>
      <c r="AG16" s="502"/>
      <c r="AH16" s="502"/>
      <c r="AI16" s="502"/>
      <c r="AJ16" s="502"/>
      <c r="AK16" s="502"/>
      <c r="AL16" s="502"/>
      <c r="AM16" s="502"/>
      <c r="AN16" s="502"/>
      <c r="AO16" s="502"/>
      <c r="AP16" s="502"/>
      <c r="AQ16" s="502"/>
      <c r="AR16" s="502"/>
      <c r="AS16" s="502"/>
      <c r="AT16" s="502"/>
      <c r="AU16" s="502"/>
      <c r="AV16" s="502"/>
      <c r="AW16" s="502"/>
      <c r="AX16" s="502"/>
      <c r="AY16" s="502"/>
      <c r="AZ16" s="502"/>
      <c r="BA16" s="502"/>
      <c r="BB16" s="502"/>
      <c r="BC16" s="502"/>
      <c r="BD16" s="502"/>
      <c r="BE16" s="502"/>
      <c r="BF16" s="502"/>
      <c r="BG16" s="502"/>
      <c r="BH16" s="502"/>
      <c r="BI16" s="503"/>
    </row>
    <row r="17" spans="1:61" ht="13.5" customHeight="1">
      <c r="A17" s="973" t="s">
        <v>98</v>
      </c>
      <c r="B17" s="974"/>
      <c r="C17" s="974"/>
      <c r="D17" s="974"/>
      <c r="E17" s="974"/>
      <c r="F17" s="974"/>
      <c r="G17" s="975"/>
      <c r="H17" s="489"/>
      <c r="I17" s="490" t="s">
        <v>439</v>
      </c>
      <c r="J17" s="490"/>
      <c r="K17" s="490"/>
      <c r="L17" s="490"/>
      <c r="M17" s="490"/>
      <c r="N17" s="490"/>
      <c r="O17" s="490"/>
      <c r="P17" s="490"/>
      <c r="Q17" s="490"/>
      <c r="R17" s="490"/>
      <c r="S17" s="490"/>
      <c r="T17" s="490"/>
      <c r="U17" s="490"/>
      <c r="V17" s="490"/>
      <c r="W17" s="491"/>
      <c r="X17" s="489"/>
      <c r="Y17" s="490" t="s">
        <v>99</v>
      </c>
      <c r="Z17" s="490"/>
      <c r="AA17" s="490"/>
      <c r="AB17" s="490"/>
      <c r="AC17" s="490"/>
      <c r="AD17" s="490"/>
      <c r="AE17" s="490"/>
      <c r="AF17" s="490"/>
      <c r="AG17" s="490"/>
      <c r="AH17" s="490"/>
      <c r="AI17" s="490"/>
      <c r="AJ17" s="490"/>
      <c r="AK17" s="490"/>
      <c r="AL17" s="490"/>
      <c r="AM17" s="490"/>
      <c r="AN17" s="490"/>
      <c r="AO17" s="490"/>
      <c r="AP17" s="490"/>
      <c r="AQ17" s="490"/>
      <c r="AR17" s="490"/>
      <c r="AS17" s="490"/>
      <c r="AT17" s="490"/>
      <c r="AU17" s="490"/>
      <c r="AV17" s="490"/>
      <c r="AW17" s="490"/>
      <c r="AX17" s="490"/>
      <c r="AY17" s="490"/>
      <c r="AZ17" s="490"/>
      <c r="BA17" s="490"/>
      <c r="BB17" s="490"/>
      <c r="BC17" s="490"/>
      <c r="BD17" s="490"/>
      <c r="BE17" s="490"/>
      <c r="BF17" s="490"/>
      <c r="BG17" s="490"/>
      <c r="BH17" s="490"/>
      <c r="BI17" s="491"/>
    </row>
    <row r="18" spans="1:61" ht="13.5" customHeight="1">
      <c r="A18" s="747"/>
      <c r="B18" s="748"/>
      <c r="C18" s="748"/>
      <c r="D18" s="748"/>
      <c r="E18" s="748"/>
      <c r="F18" s="748"/>
      <c r="G18" s="749"/>
      <c r="H18" s="492"/>
      <c r="I18" s="493"/>
      <c r="J18" s="493"/>
      <c r="K18" s="493"/>
      <c r="L18" s="493"/>
      <c r="M18" s="493"/>
      <c r="N18" s="493"/>
      <c r="O18" s="493"/>
      <c r="P18" s="493"/>
      <c r="Q18" s="493"/>
      <c r="R18" s="493"/>
      <c r="S18" s="493"/>
      <c r="T18" s="493"/>
      <c r="U18" s="493"/>
      <c r="V18" s="493"/>
      <c r="W18" s="494"/>
      <c r="X18" s="492"/>
      <c r="Y18" s="493"/>
      <c r="Z18" s="493" t="s">
        <v>100</v>
      </c>
      <c r="AA18" s="493"/>
      <c r="AB18" s="493"/>
      <c r="AC18" s="493"/>
      <c r="AD18" s="493"/>
      <c r="AE18" s="493"/>
      <c r="AF18" s="493"/>
      <c r="AG18" s="493" t="s">
        <v>101</v>
      </c>
      <c r="AH18" s="493"/>
      <c r="AI18" s="493"/>
      <c r="AJ18" s="493"/>
      <c r="AK18" s="493"/>
      <c r="AL18" s="493"/>
      <c r="AM18" s="493"/>
      <c r="AN18" s="493"/>
      <c r="AO18" s="493"/>
      <c r="AP18" s="493"/>
      <c r="AQ18" s="493"/>
      <c r="AR18" s="493"/>
      <c r="AS18" s="493" t="s">
        <v>102</v>
      </c>
      <c r="AT18" s="493"/>
      <c r="AU18" s="493"/>
      <c r="AV18" s="493"/>
      <c r="AW18" s="493"/>
      <c r="AX18" s="493"/>
      <c r="AY18" s="493"/>
      <c r="AZ18" s="493"/>
      <c r="BA18" s="493" t="s">
        <v>103</v>
      </c>
      <c r="BB18" s="493"/>
      <c r="BC18" s="493"/>
      <c r="BD18" s="493"/>
      <c r="BE18" s="493"/>
      <c r="BF18" s="493"/>
      <c r="BG18" s="493"/>
      <c r="BH18" s="493"/>
      <c r="BI18" s="494"/>
    </row>
    <row r="19" spans="1:61" ht="13.5" customHeight="1">
      <c r="A19" s="747"/>
      <c r="B19" s="748"/>
      <c r="C19" s="748"/>
      <c r="D19" s="748"/>
      <c r="E19" s="748"/>
      <c r="F19" s="748"/>
      <c r="G19" s="749"/>
      <c r="H19" s="492"/>
      <c r="I19" s="493"/>
      <c r="J19" s="493"/>
      <c r="K19" s="493"/>
      <c r="L19" s="493"/>
      <c r="M19" s="493"/>
      <c r="N19" s="493"/>
      <c r="O19" s="493"/>
      <c r="P19" s="493"/>
      <c r="Q19" s="493"/>
      <c r="R19" s="493"/>
      <c r="S19" s="493"/>
      <c r="T19" s="493"/>
      <c r="U19" s="493"/>
      <c r="V19" s="493"/>
      <c r="W19" s="494"/>
      <c r="X19" s="492"/>
      <c r="Y19" s="493"/>
      <c r="Z19" s="493" t="s">
        <v>104</v>
      </c>
      <c r="AA19" s="493"/>
      <c r="AB19" s="493"/>
      <c r="AC19" s="493" t="s">
        <v>105</v>
      </c>
      <c r="AD19" s="968" t="s">
        <v>274</v>
      </c>
      <c r="AE19" s="976"/>
      <c r="AF19" s="976"/>
      <c r="AG19" s="976"/>
      <c r="AH19" s="976"/>
      <c r="AI19" s="976"/>
      <c r="AJ19" s="976"/>
      <c r="AK19" s="976"/>
      <c r="AL19" s="976"/>
      <c r="AM19" s="976"/>
      <c r="AN19" s="976"/>
      <c r="AO19" s="976"/>
      <c r="AP19" s="976"/>
      <c r="AQ19" s="976"/>
      <c r="AR19" s="976"/>
      <c r="AS19" s="976"/>
      <c r="AT19" s="976"/>
      <c r="AU19" s="976"/>
      <c r="AV19" s="976"/>
      <c r="AW19" s="976"/>
      <c r="AX19" s="976"/>
      <c r="AY19" s="976"/>
      <c r="AZ19" s="976"/>
      <c r="BA19" s="976"/>
      <c r="BB19" s="976"/>
      <c r="BC19" s="493" t="s">
        <v>106</v>
      </c>
      <c r="BD19" s="493"/>
      <c r="BE19" s="493" t="s">
        <v>107</v>
      </c>
      <c r="BF19" s="493"/>
      <c r="BG19" s="493"/>
      <c r="BH19" s="493"/>
      <c r="BI19" s="494"/>
    </row>
    <row r="20" spans="1:61" ht="13.5" customHeight="1">
      <c r="A20" s="747"/>
      <c r="B20" s="748"/>
      <c r="C20" s="748"/>
      <c r="D20" s="748"/>
      <c r="E20" s="748"/>
      <c r="F20" s="748"/>
      <c r="G20" s="749"/>
      <c r="H20" s="492"/>
      <c r="I20" s="966" t="s">
        <v>108</v>
      </c>
      <c r="J20" s="966"/>
      <c r="K20" s="966"/>
      <c r="L20" s="966"/>
      <c r="M20" s="966"/>
      <c r="N20" s="966"/>
      <c r="O20" s="966"/>
      <c r="P20" s="966"/>
      <c r="Q20" s="966"/>
      <c r="R20" s="966"/>
      <c r="S20" s="966"/>
      <c r="T20" s="966"/>
      <c r="U20" s="966"/>
      <c r="V20" s="966"/>
      <c r="W20" s="967"/>
      <c r="X20" s="492"/>
      <c r="Y20" s="493" t="s">
        <v>440</v>
      </c>
      <c r="Z20" s="493"/>
      <c r="AA20" s="493"/>
      <c r="AB20" s="493"/>
      <c r="AC20" s="493"/>
      <c r="AD20" s="493"/>
      <c r="AE20" s="493" t="s">
        <v>441</v>
      </c>
      <c r="AF20" s="968"/>
      <c r="AG20" s="968"/>
      <c r="AH20" s="968"/>
      <c r="AI20" s="968"/>
      <c r="AJ20" s="968"/>
      <c r="AK20" s="968"/>
      <c r="AL20" s="968"/>
      <c r="AM20" s="493" t="s">
        <v>442</v>
      </c>
      <c r="AN20" s="493"/>
      <c r="AO20" s="493" t="s">
        <v>109</v>
      </c>
      <c r="AP20" s="493"/>
      <c r="AQ20" s="493"/>
      <c r="AR20" s="493"/>
      <c r="AS20" s="493"/>
      <c r="AT20" s="493"/>
      <c r="AU20" s="493"/>
      <c r="AV20" s="493"/>
      <c r="AW20" s="493"/>
      <c r="AX20" s="493" t="s">
        <v>441</v>
      </c>
      <c r="AY20" s="968"/>
      <c r="AZ20" s="968"/>
      <c r="BA20" s="968"/>
      <c r="BB20" s="968"/>
      <c r="BC20" s="968"/>
      <c r="BD20" s="968"/>
      <c r="BE20" s="968"/>
      <c r="BF20" s="968"/>
      <c r="BG20" s="968"/>
      <c r="BH20" s="968"/>
      <c r="BI20" s="494" t="s">
        <v>443</v>
      </c>
    </row>
    <row r="21" spans="1:61" ht="13.5" customHeight="1">
      <c r="A21" s="747"/>
      <c r="B21" s="748"/>
      <c r="C21" s="748"/>
      <c r="D21" s="748"/>
      <c r="E21" s="748"/>
      <c r="F21" s="748"/>
      <c r="G21" s="749"/>
      <c r="H21" s="492"/>
      <c r="I21" s="966"/>
      <c r="J21" s="966"/>
      <c r="K21" s="966"/>
      <c r="L21" s="966"/>
      <c r="M21" s="966"/>
      <c r="N21" s="966"/>
      <c r="O21" s="966"/>
      <c r="P21" s="966"/>
      <c r="Q21" s="966"/>
      <c r="R21" s="966"/>
      <c r="S21" s="966"/>
      <c r="T21" s="966"/>
      <c r="U21" s="966"/>
      <c r="V21" s="966"/>
      <c r="W21" s="967"/>
      <c r="X21" s="492"/>
      <c r="Y21" s="493" t="s">
        <v>110</v>
      </c>
      <c r="Z21" s="493"/>
      <c r="AA21" s="493"/>
      <c r="AB21" s="493"/>
      <c r="AC21" s="493" t="s">
        <v>444</v>
      </c>
      <c r="AD21" s="968"/>
      <c r="AE21" s="968"/>
      <c r="AF21" s="968"/>
      <c r="AG21" s="968"/>
      <c r="AH21" s="968"/>
      <c r="AI21" s="968"/>
      <c r="AJ21" s="968"/>
      <c r="AK21" s="968"/>
      <c r="AL21" s="968"/>
      <c r="AM21" s="968"/>
      <c r="AN21" s="968"/>
      <c r="AO21" s="968"/>
      <c r="AP21" s="968"/>
      <c r="AQ21" s="968"/>
      <c r="AR21" s="968"/>
      <c r="AS21" s="968"/>
      <c r="AT21" s="968"/>
      <c r="AU21" s="968"/>
      <c r="AV21" s="968"/>
      <c r="AW21" s="968"/>
      <c r="AX21" s="968"/>
      <c r="AY21" s="968"/>
      <c r="AZ21" s="968"/>
      <c r="BA21" s="968"/>
      <c r="BB21" s="968"/>
      <c r="BC21" s="968"/>
      <c r="BD21" s="968"/>
      <c r="BE21" s="968"/>
      <c r="BF21" s="968"/>
      <c r="BG21" s="968"/>
      <c r="BH21" s="968"/>
      <c r="BI21" s="494" t="s">
        <v>442</v>
      </c>
    </row>
    <row r="22" spans="1:61" ht="13.5" customHeight="1">
      <c r="A22" s="747"/>
      <c r="B22" s="748"/>
      <c r="C22" s="748"/>
      <c r="D22" s="748"/>
      <c r="E22" s="748"/>
      <c r="F22" s="748"/>
      <c r="G22" s="749"/>
      <c r="H22" s="492"/>
      <c r="I22" s="504" t="s">
        <v>111</v>
      </c>
      <c r="J22" s="504"/>
      <c r="K22" s="504"/>
      <c r="L22" s="504"/>
      <c r="M22" s="743"/>
      <c r="N22" s="743"/>
      <c r="O22" s="743"/>
      <c r="P22" s="743"/>
      <c r="Q22" s="743"/>
      <c r="R22" s="743"/>
      <c r="S22" s="743"/>
      <c r="T22" s="743"/>
      <c r="U22" s="743"/>
      <c r="V22" s="743"/>
      <c r="W22" s="744"/>
      <c r="X22" s="492"/>
      <c r="Y22" s="493" t="s">
        <v>445</v>
      </c>
      <c r="Z22" s="493"/>
      <c r="AA22" s="493"/>
      <c r="AB22" s="493"/>
      <c r="AC22" s="493"/>
      <c r="AD22" s="493"/>
      <c r="AE22" s="493"/>
      <c r="AF22" s="493"/>
      <c r="AG22" s="493" t="s">
        <v>441</v>
      </c>
      <c r="AH22" s="968"/>
      <c r="AI22" s="968"/>
      <c r="AJ22" s="968"/>
      <c r="AK22" s="968"/>
      <c r="AL22" s="968"/>
      <c r="AM22" s="968"/>
      <c r="AN22" s="968"/>
      <c r="AO22" s="493" t="s">
        <v>442</v>
      </c>
      <c r="AP22" s="493"/>
      <c r="AQ22" s="493" t="s">
        <v>446</v>
      </c>
      <c r="AR22" s="493"/>
      <c r="AS22" s="493"/>
      <c r="AT22" s="493"/>
      <c r="AU22" s="493"/>
      <c r="AV22" s="493"/>
      <c r="AW22" s="493"/>
      <c r="AX22" s="493"/>
      <c r="AY22" s="493" t="s">
        <v>441</v>
      </c>
      <c r="AZ22" s="968"/>
      <c r="BA22" s="968"/>
      <c r="BB22" s="968"/>
      <c r="BC22" s="968"/>
      <c r="BD22" s="968"/>
      <c r="BE22" s="968"/>
      <c r="BF22" s="968"/>
      <c r="BG22" s="968"/>
      <c r="BH22" s="968"/>
      <c r="BI22" s="494" t="s">
        <v>442</v>
      </c>
    </row>
    <row r="23" spans="1:61" ht="13.5" customHeight="1">
      <c r="A23" s="747"/>
      <c r="B23" s="748"/>
      <c r="C23" s="748"/>
      <c r="D23" s="748"/>
      <c r="E23" s="748"/>
      <c r="F23" s="748"/>
      <c r="G23" s="749"/>
      <c r="H23" s="492"/>
      <c r="I23" s="753" t="s">
        <v>104</v>
      </c>
      <c r="J23" s="743"/>
      <c r="K23" s="743"/>
      <c r="L23" s="743" t="s">
        <v>105</v>
      </c>
      <c r="M23" s="968"/>
      <c r="N23" s="968"/>
      <c r="O23" s="968"/>
      <c r="P23" s="968"/>
      <c r="Q23" s="968"/>
      <c r="R23" s="968"/>
      <c r="S23" s="968"/>
      <c r="T23" s="968"/>
      <c r="U23" s="968"/>
      <c r="V23" s="968"/>
      <c r="W23" s="744" t="s">
        <v>442</v>
      </c>
      <c r="X23" s="492"/>
      <c r="Y23" s="493" t="s">
        <v>104</v>
      </c>
      <c r="Z23" s="493"/>
      <c r="AA23" s="493"/>
      <c r="AB23" s="493" t="s">
        <v>444</v>
      </c>
      <c r="AC23" s="968"/>
      <c r="AD23" s="968"/>
      <c r="AE23" s="968"/>
      <c r="AF23" s="968"/>
      <c r="AG23" s="968"/>
      <c r="AH23" s="968"/>
      <c r="AI23" s="968"/>
      <c r="AJ23" s="968"/>
      <c r="AK23" s="968"/>
      <c r="AL23" s="968"/>
      <c r="AM23" s="968"/>
      <c r="AN23" s="968"/>
      <c r="AO23" s="968"/>
      <c r="AP23" s="968"/>
      <c r="AQ23" s="968"/>
      <c r="AR23" s="968"/>
      <c r="AS23" s="968"/>
      <c r="AT23" s="968"/>
      <c r="AU23" s="968"/>
      <c r="AV23" s="968"/>
      <c r="AW23" s="968"/>
      <c r="AX23" s="968"/>
      <c r="AY23" s="968"/>
      <c r="AZ23" s="968"/>
      <c r="BA23" s="968"/>
      <c r="BB23" s="968"/>
      <c r="BC23" s="968"/>
      <c r="BD23" s="968"/>
      <c r="BE23" s="968"/>
      <c r="BF23" s="968"/>
      <c r="BG23" s="968"/>
      <c r="BH23" s="968"/>
      <c r="BI23" s="494" t="s">
        <v>447</v>
      </c>
    </row>
    <row r="24" spans="1:61" ht="13.5" customHeight="1">
      <c r="A24" s="747"/>
      <c r="B24" s="748"/>
      <c r="C24" s="748"/>
      <c r="D24" s="748"/>
      <c r="E24" s="748"/>
      <c r="F24" s="748"/>
      <c r="G24" s="749"/>
      <c r="H24" s="492"/>
      <c r="I24" s="753"/>
      <c r="J24" s="743"/>
      <c r="K24" s="743"/>
      <c r="L24" s="743"/>
      <c r="M24" s="743"/>
      <c r="N24" s="743"/>
      <c r="O24" s="743"/>
      <c r="P24" s="743"/>
      <c r="Q24" s="743"/>
      <c r="R24" s="743"/>
      <c r="S24" s="743"/>
      <c r="T24" s="743"/>
      <c r="U24" s="743"/>
      <c r="V24" s="743"/>
      <c r="W24" s="744"/>
      <c r="X24" s="492"/>
      <c r="Y24" s="502"/>
      <c r="Z24" s="502"/>
      <c r="AA24" s="493"/>
      <c r="AB24" s="493"/>
      <c r="AC24" s="493"/>
      <c r="AD24" s="493"/>
      <c r="AE24" s="493"/>
      <c r="AF24" s="493"/>
      <c r="AG24" s="493"/>
      <c r="AH24" s="493"/>
      <c r="AI24" s="493"/>
      <c r="AJ24" s="493"/>
      <c r="AK24" s="493"/>
      <c r="AL24" s="493"/>
      <c r="AM24" s="493"/>
      <c r="AN24" s="493"/>
      <c r="AO24" s="493"/>
      <c r="AP24" s="493"/>
      <c r="AQ24" s="493"/>
      <c r="AR24" s="493"/>
      <c r="AS24" s="493"/>
      <c r="AT24" s="493"/>
      <c r="AU24" s="493"/>
      <c r="AV24" s="493"/>
      <c r="AW24" s="493"/>
      <c r="AX24" s="493"/>
      <c r="AY24" s="493"/>
      <c r="AZ24" s="493"/>
      <c r="BA24" s="493"/>
      <c r="BB24" s="502"/>
      <c r="BC24" s="502"/>
      <c r="BD24" s="502"/>
      <c r="BE24" s="502"/>
      <c r="BF24" s="502"/>
      <c r="BG24" s="502"/>
      <c r="BH24" s="502"/>
      <c r="BI24" s="503"/>
    </row>
    <row r="25" spans="1:61" ht="13.5" customHeight="1">
      <c r="A25" s="973" t="s">
        <v>112</v>
      </c>
      <c r="B25" s="974"/>
      <c r="C25" s="974"/>
      <c r="D25" s="974"/>
      <c r="E25" s="974"/>
      <c r="F25" s="974"/>
      <c r="G25" s="975"/>
      <c r="H25" s="489"/>
      <c r="I25" s="490" t="s">
        <v>113</v>
      </c>
      <c r="J25" s="490"/>
      <c r="K25" s="490"/>
      <c r="L25" s="490"/>
      <c r="M25" s="490"/>
      <c r="N25" s="490"/>
      <c r="O25" s="490"/>
      <c r="P25" s="490"/>
      <c r="Q25" s="490"/>
      <c r="R25" s="490"/>
      <c r="S25" s="490"/>
      <c r="T25" s="490"/>
      <c r="U25" s="490"/>
      <c r="V25" s="490"/>
      <c r="W25" s="491"/>
      <c r="X25" s="752"/>
      <c r="Y25" s="746" t="s">
        <v>114</v>
      </c>
      <c r="Z25" s="746"/>
      <c r="AA25" s="746"/>
      <c r="AB25" s="746"/>
      <c r="AC25" s="746"/>
      <c r="AD25" s="746"/>
      <c r="AE25" s="505" t="s">
        <v>441</v>
      </c>
      <c r="AF25" s="746"/>
      <c r="AG25" s="746" t="s">
        <v>115</v>
      </c>
      <c r="AH25" s="746"/>
      <c r="AI25" s="746"/>
      <c r="AJ25" s="746"/>
      <c r="AK25" s="746"/>
      <c r="AL25" s="746" t="s">
        <v>448</v>
      </c>
      <c r="AM25" s="979"/>
      <c r="AN25" s="979"/>
      <c r="AO25" s="746" t="s">
        <v>449</v>
      </c>
      <c r="AP25" s="746" t="s">
        <v>450</v>
      </c>
      <c r="AQ25" s="979"/>
      <c r="AR25" s="979"/>
      <c r="AS25" s="746"/>
      <c r="AT25" s="746"/>
      <c r="AU25" s="746" t="s">
        <v>107</v>
      </c>
      <c r="AV25" s="746"/>
      <c r="AW25" s="746"/>
      <c r="AX25" s="746"/>
      <c r="AY25" s="746" t="s">
        <v>442</v>
      </c>
      <c r="AZ25" s="746"/>
      <c r="BA25" s="746"/>
      <c r="BB25" s="746"/>
      <c r="BC25" s="746"/>
      <c r="BD25" s="746"/>
      <c r="BE25" s="746"/>
      <c r="BF25" s="746"/>
      <c r="BG25" s="746"/>
      <c r="BH25" s="746"/>
      <c r="BI25" s="506"/>
    </row>
    <row r="26" spans="1:61" ht="13.5" customHeight="1">
      <c r="A26" s="747"/>
      <c r="B26" s="748"/>
      <c r="C26" s="748"/>
      <c r="D26" s="748"/>
      <c r="E26" s="748"/>
      <c r="F26" s="748"/>
      <c r="G26" s="749"/>
      <c r="H26" s="492"/>
      <c r="I26" s="493"/>
      <c r="J26" s="493"/>
      <c r="K26" s="493"/>
      <c r="L26" s="493"/>
      <c r="M26" s="493"/>
      <c r="N26" s="493"/>
      <c r="O26" s="493"/>
      <c r="P26" s="493"/>
      <c r="Q26" s="493"/>
      <c r="R26" s="493"/>
      <c r="S26" s="493"/>
      <c r="T26" s="493"/>
      <c r="U26" s="493"/>
      <c r="V26" s="493"/>
      <c r="W26" s="494"/>
      <c r="X26" s="507"/>
      <c r="Y26" s="753" t="s">
        <v>116</v>
      </c>
      <c r="Z26" s="753"/>
      <c r="AA26" s="753"/>
      <c r="AB26" s="753"/>
      <c r="AC26" s="753"/>
      <c r="AD26" s="753"/>
      <c r="AE26" s="508" t="s">
        <v>451</v>
      </c>
      <c r="AF26" s="753"/>
      <c r="AG26" s="753" t="s">
        <v>117</v>
      </c>
      <c r="AH26" s="753"/>
      <c r="AI26" s="968"/>
      <c r="AJ26" s="968"/>
      <c r="AK26" s="753" t="s">
        <v>118</v>
      </c>
      <c r="AL26" s="968"/>
      <c r="AM26" s="968"/>
      <c r="AN26" s="753" t="s">
        <v>119</v>
      </c>
      <c r="AO26" s="496"/>
      <c r="AP26" s="753"/>
      <c r="AQ26" s="753"/>
      <c r="AR26" s="753" t="s">
        <v>107</v>
      </c>
      <c r="AS26" s="753"/>
      <c r="AT26" s="753"/>
      <c r="AU26" s="753"/>
      <c r="AV26" s="753" t="s">
        <v>442</v>
      </c>
      <c r="AW26" s="753"/>
      <c r="AX26" s="753"/>
      <c r="AY26" s="753"/>
      <c r="AZ26" s="753"/>
      <c r="BA26" s="753"/>
      <c r="BB26" s="753"/>
      <c r="BC26" s="753"/>
      <c r="BD26" s="753"/>
      <c r="BE26" s="753"/>
      <c r="BF26" s="753"/>
      <c r="BG26" s="753"/>
      <c r="BH26" s="753"/>
      <c r="BI26" s="509"/>
    </row>
    <row r="27" spans="1:61" ht="13.5" customHeight="1">
      <c r="A27" s="747"/>
      <c r="B27" s="748"/>
      <c r="C27" s="748"/>
      <c r="D27" s="748"/>
      <c r="E27" s="748"/>
      <c r="F27" s="748"/>
      <c r="G27" s="749"/>
      <c r="H27" s="492"/>
      <c r="I27" s="493" t="s">
        <v>120</v>
      </c>
      <c r="J27" s="493"/>
      <c r="K27" s="493"/>
      <c r="L27" s="493"/>
      <c r="M27" s="493"/>
      <c r="N27" s="493"/>
      <c r="O27" s="493"/>
      <c r="P27" s="493"/>
      <c r="Q27" s="493"/>
      <c r="R27" s="493"/>
      <c r="S27" s="493"/>
      <c r="T27" s="493"/>
      <c r="U27" s="493"/>
      <c r="V27" s="493"/>
      <c r="W27" s="494"/>
      <c r="X27" s="507"/>
      <c r="Y27" s="753" t="s">
        <v>121</v>
      </c>
      <c r="Z27" s="753"/>
      <c r="AA27" s="753"/>
      <c r="AB27" s="753"/>
      <c r="AC27" s="508" t="s">
        <v>441</v>
      </c>
      <c r="AD27" s="510"/>
      <c r="AE27" s="510" t="s">
        <v>122</v>
      </c>
      <c r="AF27" s="753"/>
      <c r="AG27" s="753"/>
      <c r="AH27" s="753"/>
      <c r="AI27" s="753"/>
      <c r="AJ27" s="753" t="s">
        <v>123</v>
      </c>
      <c r="AK27" s="753"/>
      <c r="AL27" s="753"/>
      <c r="AM27" s="753"/>
      <c r="AN27" s="753"/>
      <c r="AO27" s="753" t="s">
        <v>104</v>
      </c>
      <c r="AP27" s="753"/>
      <c r="AQ27" s="753"/>
      <c r="AR27" s="753" t="s">
        <v>441</v>
      </c>
      <c r="AS27" s="968"/>
      <c r="AT27" s="976"/>
      <c r="AU27" s="976"/>
      <c r="AV27" s="976"/>
      <c r="AW27" s="976"/>
      <c r="AX27" s="976"/>
      <c r="AY27" s="976"/>
      <c r="AZ27" s="976"/>
      <c r="BA27" s="976"/>
      <c r="BB27" s="976"/>
      <c r="BC27" s="976"/>
      <c r="BD27" s="753" t="s">
        <v>452</v>
      </c>
      <c r="BE27" s="753"/>
      <c r="BF27" s="753" t="s">
        <v>107</v>
      </c>
      <c r="BG27" s="753"/>
      <c r="BH27" s="753"/>
      <c r="BI27" s="509"/>
    </row>
    <row r="28" spans="1:61" ht="13.5" customHeight="1">
      <c r="A28" s="747"/>
      <c r="B28" s="748"/>
      <c r="C28" s="748"/>
      <c r="D28" s="748"/>
      <c r="E28" s="748"/>
      <c r="F28" s="748"/>
      <c r="G28" s="749"/>
      <c r="H28" s="492"/>
      <c r="I28" s="493"/>
      <c r="J28" s="493"/>
      <c r="K28" s="493"/>
      <c r="L28" s="493"/>
      <c r="M28" s="493"/>
      <c r="N28" s="493"/>
      <c r="O28" s="493"/>
      <c r="P28" s="493"/>
      <c r="Q28" s="493"/>
      <c r="R28" s="493"/>
      <c r="S28" s="493"/>
      <c r="T28" s="493"/>
      <c r="U28" s="493"/>
      <c r="V28" s="493"/>
      <c r="W28" s="494"/>
      <c r="X28" s="507"/>
      <c r="Y28" s="753" t="s">
        <v>124</v>
      </c>
      <c r="Z28" s="753"/>
      <c r="AA28" s="753"/>
      <c r="AB28" s="753"/>
      <c r="AC28" s="753"/>
      <c r="AD28" s="753"/>
      <c r="AE28" s="508"/>
      <c r="AF28" s="496"/>
      <c r="AG28" s="753" t="s">
        <v>451</v>
      </c>
      <c r="AH28" s="968"/>
      <c r="AI28" s="968"/>
      <c r="AJ28" s="968"/>
      <c r="AK28" s="968"/>
      <c r="AL28" s="968"/>
      <c r="AM28" s="968"/>
      <c r="AN28" s="968"/>
      <c r="AO28" s="968"/>
      <c r="AP28" s="968"/>
      <c r="AQ28" s="968"/>
      <c r="AR28" s="968"/>
      <c r="AS28" s="968"/>
      <c r="AT28" s="968"/>
      <c r="AU28" s="968"/>
      <c r="AV28" s="968"/>
      <c r="AW28" s="968"/>
      <c r="AX28" s="968"/>
      <c r="AY28" s="968"/>
      <c r="AZ28" s="968"/>
      <c r="BA28" s="968"/>
      <c r="BB28" s="968"/>
      <c r="BC28" s="968"/>
      <c r="BD28" s="968"/>
      <c r="BE28" s="968"/>
      <c r="BF28" s="968"/>
      <c r="BG28" s="968"/>
      <c r="BH28" s="968"/>
      <c r="BI28" s="509" t="s">
        <v>442</v>
      </c>
    </row>
    <row r="29" spans="1:61" ht="13.5" customHeight="1">
      <c r="A29" s="747"/>
      <c r="B29" s="748"/>
      <c r="C29" s="748"/>
      <c r="D29" s="748"/>
      <c r="E29" s="748"/>
      <c r="F29" s="748"/>
      <c r="G29" s="749"/>
      <c r="H29" s="492"/>
      <c r="I29" s="493"/>
      <c r="J29" s="493"/>
      <c r="K29" s="493"/>
      <c r="L29" s="493"/>
      <c r="M29" s="493"/>
      <c r="N29" s="493"/>
      <c r="O29" s="493"/>
      <c r="P29" s="493"/>
      <c r="Q29" s="493"/>
      <c r="R29" s="493"/>
      <c r="S29" s="493"/>
      <c r="T29" s="493"/>
      <c r="U29" s="493"/>
      <c r="V29" s="493"/>
      <c r="W29" s="494"/>
      <c r="X29" s="507"/>
      <c r="Y29" s="753" t="s">
        <v>125</v>
      </c>
      <c r="Z29" s="753"/>
      <c r="AA29" s="753"/>
      <c r="AB29" s="753"/>
      <c r="AC29" s="753"/>
      <c r="AD29" s="753"/>
      <c r="AE29" s="753"/>
      <c r="AF29" s="753"/>
      <c r="AG29" s="753"/>
      <c r="AH29" s="753"/>
      <c r="AI29" s="753" t="s">
        <v>453</v>
      </c>
      <c r="AJ29" s="753"/>
      <c r="AK29" s="977"/>
      <c r="AL29" s="977"/>
      <c r="AM29" s="753" t="s">
        <v>454</v>
      </c>
      <c r="AN29" s="753"/>
      <c r="AO29" s="753"/>
      <c r="AP29" s="753"/>
      <c r="AQ29" s="753"/>
      <c r="AR29" s="753"/>
      <c r="AS29" s="753"/>
      <c r="AT29" s="753"/>
      <c r="AU29" s="753"/>
      <c r="AV29" s="753"/>
      <c r="AW29" s="753"/>
      <c r="AX29" s="753"/>
      <c r="AY29" s="753"/>
      <c r="AZ29" s="753"/>
      <c r="BA29" s="753"/>
      <c r="BB29" s="753"/>
      <c r="BC29" s="753"/>
      <c r="BD29" s="753"/>
      <c r="BE29" s="753"/>
      <c r="BF29" s="753"/>
      <c r="BG29" s="753"/>
      <c r="BH29" s="753"/>
      <c r="BI29" s="509"/>
    </row>
    <row r="30" spans="1:61" ht="13.5" customHeight="1">
      <c r="A30" s="747"/>
      <c r="B30" s="748"/>
      <c r="C30" s="748"/>
      <c r="D30" s="748"/>
      <c r="E30" s="748"/>
      <c r="F30" s="748"/>
      <c r="G30" s="749"/>
      <c r="H30" s="492"/>
      <c r="I30" s="493"/>
      <c r="J30" s="493"/>
      <c r="K30" s="493"/>
      <c r="L30" s="493"/>
      <c r="M30" s="493"/>
      <c r="N30" s="493"/>
      <c r="O30" s="493"/>
      <c r="P30" s="493"/>
      <c r="Q30" s="493"/>
      <c r="R30" s="493"/>
      <c r="S30" s="493"/>
      <c r="T30" s="493"/>
      <c r="U30" s="493"/>
      <c r="V30" s="493"/>
      <c r="W30" s="494"/>
      <c r="X30" s="492"/>
      <c r="Y30" s="753" t="s">
        <v>126</v>
      </c>
      <c r="Z30" s="753"/>
      <c r="AA30" s="753"/>
      <c r="AB30" s="753"/>
      <c r="AC30" s="753"/>
      <c r="AD30" s="753"/>
      <c r="AE30" s="753"/>
      <c r="AF30" s="496"/>
      <c r="AG30" s="753" t="s">
        <v>441</v>
      </c>
      <c r="AH30" s="978"/>
      <c r="AI30" s="978"/>
      <c r="AJ30" s="978"/>
      <c r="AK30" s="978"/>
      <c r="AL30" s="978"/>
      <c r="AM30" s="978"/>
      <c r="AN30" s="978"/>
      <c r="AO30" s="978"/>
      <c r="AP30" s="978"/>
      <c r="AQ30" s="978"/>
      <c r="AR30" s="978"/>
      <c r="AS30" s="978"/>
      <c r="AT30" s="978"/>
      <c r="AU30" s="978"/>
      <c r="AV30" s="978"/>
      <c r="AW30" s="978"/>
      <c r="AX30" s="978"/>
      <c r="AY30" s="978"/>
      <c r="AZ30" s="978"/>
      <c r="BA30" s="978"/>
      <c r="BB30" s="978"/>
      <c r="BC30" s="978"/>
      <c r="BD30" s="978"/>
      <c r="BE30" s="978"/>
      <c r="BF30" s="978"/>
      <c r="BG30" s="978"/>
      <c r="BH30" s="978"/>
      <c r="BI30" s="509" t="s">
        <v>442</v>
      </c>
    </row>
    <row r="31" spans="1:61" ht="13.5" customHeight="1">
      <c r="A31" s="747"/>
      <c r="B31" s="748"/>
      <c r="C31" s="748"/>
      <c r="D31" s="748"/>
      <c r="E31" s="748"/>
      <c r="F31" s="748"/>
      <c r="G31" s="749"/>
      <c r="H31" s="492"/>
      <c r="I31" s="493" t="s">
        <v>104</v>
      </c>
      <c r="J31" s="493"/>
      <c r="K31" s="493"/>
      <c r="L31" s="493" t="s">
        <v>105</v>
      </c>
      <c r="M31" s="968"/>
      <c r="N31" s="968"/>
      <c r="O31" s="968"/>
      <c r="P31" s="968"/>
      <c r="Q31" s="968"/>
      <c r="R31" s="968"/>
      <c r="S31" s="968"/>
      <c r="T31" s="968"/>
      <c r="U31" s="968"/>
      <c r="V31" s="968"/>
      <c r="W31" s="494" t="s">
        <v>452</v>
      </c>
      <c r="X31" s="492"/>
      <c r="Y31" s="753" t="s">
        <v>104</v>
      </c>
      <c r="Z31" s="753"/>
      <c r="AA31" s="753"/>
      <c r="AB31" s="753" t="s">
        <v>455</v>
      </c>
      <c r="AC31" s="968"/>
      <c r="AD31" s="968"/>
      <c r="AE31" s="968"/>
      <c r="AF31" s="968"/>
      <c r="AG31" s="968"/>
      <c r="AH31" s="968"/>
      <c r="AI31" s="968"/>
      <c r="AJ31" s="968"/>
      <c r="AK31" s="968"/>
      <c r="AL31" s="968"/>
      <c r="AM31" s="968"/>
      <c r="AN31" s="968"/>
      <c r="AO31" s="968"/>
      <c r="AP31" s="968"/>
      <c r="AQ31" s="968"/>
      <c r="AR31" s="968"/>
      <c r="AS31" s="968"/>
      <c r="AT31" s="968"/>
      <c r="AU31" s="968"/>
      <c r="AV31" s="968"/>
      <c r="AW31" s="968"/>
      <c r="AX31" s="968"/>
      <c r="AY31" s="968"/>
      <c r="AZ31" s="968"/>
      <c r="BA31" s="968"/>
      <c r="BB31" s="968"/>
      <c r="BC31" s="968"/>
      <c r="BD31" s="968"/>
      <c r="BE31" s="968"/>
      <c r="BF31" s="968"/>
      <c r="BG31" s="968"/>
      <c r="BH31" s="968"/>
      <c r="BI31" s="509" t="s">
        <v>452</v>
      </c>
    </row>
    <row r="32" spans="1:61" ht="13.5" customHeight="1">
      <c r="A32" s="511"/>
      <c r="B32" s="512"/>
      <c r="C32" s="512"/>
      <c r="D32" s="512"/>
      <c r="E32" s="512"/>
      <c r="F32" s="512"/>
      <c r="G32" s="513"/>
      <c r="H32" s="501"/>
      <c r="I32" s="502"/>
      <c r="J32" s="502"/>
      <c r="K32" s="502"/>
      <c r="L32" s="502"/>
      <c r="M32" s="502"/>
      <c r="N32" s="502"/>
      <c r="O32" s="502"/>
      <c r="P32" s="502"/>
      <c r="Q32" s="502"/>
      <c r="R32" s="502"/>
      <c r="S32" s="502"/>
      <c r="T32" s="502"/>
      <c r="U32" s="502"/>
      <c r="V32" s="502"/>
      <c r="W32" s="503"/>
      <c r="X32" s="501"/>
      <c r="Y32" s="512"/>
      <c r="Z32" s="512"/>
      <c r="AA32" s="512"/>
      <c r="AB32" s="512"/>
      <c r="AC32" s="512"/>
      <c r="AD32" s="512"/>
      <c r="AE32" s="512"/>
      <c r="AF32" s="512"/>
      <c r="AG32" s="512"/>
      <c r="AH32" s="512"/>
      <c r="AI32" s="512"/>
      <c r="AJ32" s="512"/>
      <c r="AK32" s="512"/>
      <c r="AL32" s="512"/>
      <c r="AM32" s="512"/>
      <c r="AN32" s="512"/>
      <c r="AO32" s="512"/>
      <c r="AP32" s="512"/>
      <c r="AQ32" s="512"/>
      <c r="AR32" s="512"/>
      <c r="AS32" s="512"/>
      <c r="AT32" s="512"/>
      <c r="AU32" s="512"/>
      <c r="AV32" s="512"/>
      <c r="AW32" s="512"/>
      <c r="AX32" s="512"/>
      <c r="AY32" s="512"/>
      <c r="AZ32" s="512"/>
      <c r="BA32" s="512"/>
      <c r="BB32" s="512"/>
      <c r="BC32" s="512"/>
      <c r="BD32" s="512"/>
      <c r="BE32" s="512"/>
      <c r="BF32" s="512"/>
      <c r="BG32" s="512"/>
      <c r="BH32" s="512"/>
      <c r="BI32" s="513"/>
    </row>
    <row r="33" spans="1:61" ht="13.5" customHeight="1">
      <c r="A33" s="973" t="s">
        <v>127</v>
      </c>
      <c r="B33" s="974"/>
      <c r="C33" s="974"/>
      <c r="D33" s="974"/>
      <c r="E33" s="974"/>
      <c r="F33" s="974"/>
      <c r="G33" s="975"/>
      <c r="H33" s="489"/>
      <c r="I33" s="490" t="s">
        <v>128</v>
      </c>
      <c r="J33" s="490"/>
      <c r="K33" s="490"/>
      <c r="L33" s="490"/>
      <c r="M33" s="490"/>
      <c r="N33" s="490"/>
      <c r="O33" s="490"/>
      <c r="P33" s="490"/>
      <c r="Q33" s="490"/>
      <c r="R33" s="490"/>
      <c r="S33" s="490"/>
      <c r="T33" s="490"/>
      <c r="U33" s="490"/>
      <c r="V33" s="490"/>
      <c r="W33" s="491"/>
      <c r="X33" s="489"/>
      <c r="Y33" s="746" t="s">
        <v>129</v>
      </c>
      <c r="Z33" s="746"/>
      <c r="AA33" s="746"/>
      <c r="AB33" s="746"/>
      <c r="AC33" s="746"/>
      <c r="AD33" s="746"/>
      <c r="AE33" s="746"/>
      <c r="AF33" s="746"/>
      <c r="AG33" s="746"/>
      <c r="AH33" s="746"/>
      <c r="AI33" s="746"/>
      <c r="AJ33" s="746"/>
      <c r="AK33" s="746"/>
      <c r="AL33" s="746"/>
      <c r="AM33" s="746"/>
      <c r="AN33" s="746"/>
      <c r="AO33" s="746"/>
      <c r="AP33" s="746"/>
      <c r="AQ33" s="746"/>
      <c r="AR33" s="746"/>
      <c r="AS33" s="746"/>
      <c r="AT33" s="746"/>
      <c r="AU33" s="746"/>
      <c r="AV33" s="746"/>
      <c r="AW33" s="746"/>
      <c r="AX33" s="746"/>
      <c r="AY33" s="746"/>
      <c r="AZ33" s="746"/>
      <c r="BA33" s="746"/>
      <c r="BB33" s="746"/>
      <c r="BC33" s="746"/>
      <c r="BD33" s="746"/>
      <c r="BE33" s="746"/>
      <c r="BF33" s="746"/>
      <c r="BG33" s="746"/>
      <c r="BH33" s="746"/>
      <c r="BI33" s="506"/>
    </row>
    <row r="34" spans="1:61" ht="13.5" customHeight="1">
      <c r="A34" s="514"/>
      <c r="B34" s="753"/>
      <c r="C34" s="753"/>
      <c r="D34" s="753"/>
      <c r="E34" s="753"/>
      <c r="F34" s="753"/>
      <c r="G34" s="509"/>
      <c r="H34" s="492"/>
      <c r="I34" s="493"/>
      <c r="J34" s="493"/>
      <c r="K34" s="493"/>
      <c r="L34" s="493"/>
      <c r="M34" s="493"/>
      <c r="N34" s="493"/>
      <c r="O34" s="493"/>
      <c r="P34" s="493"/>
      <c r="Q34" s="493"/>
      <c r="R34" s="493"/>
      <c r="S34" s="493"/>
      <c r="T34" s="493"/>
      <c r="U34" s="493"/>
      <c r="V34" s="493"/>
      <c r="W34" s="494"/>
      <c r="X34" s="492"/>
      <c r="Y34" s="753"/>
      <c r="Z34" s="753" t="s">
        <v>130</v>
      </c>
      <c r="AA34" s="753"/>
      <c r="AB34" s="753"/>
      <c r="AC34" s="753"/>
      <c r="AD34" s="753" t="s">
        <v>131</v>
      </c>
      <c r="AE34" s="753"/>
      <c r="AF34" s="753"/>
      <c r="AG34" s="753"/>
      <c r="AH34" s="753" t="s">
        <v>132</v>
      </c>
      <c r="AI34" s="753"/>
      <c r="AJ34" s="753"/>
      <c r="AK34" s="753"/>
      <c r="AL34" s="753" t="s">
        <v>133</v>
      </c>
      <c r="AM34" s="753"/>
      <c r="AN34" s="753"/>
      <c r="AO34" s="753"/>
      <c r="AP34" s="753" t="s">
        <v>134</v>
      </c>
      <c r="AQ34" s="753"/>
      <c r="AR34" s="753"/>
      <c r="AS34" s="753"/>
      <c r="AT34" s="753"/>
      <c r="AU34" s="753" t="s">
        <v>104</v>
      </c>
      <c r="AV34" s="753"/>
      <c r="AW34" s="753"/>
      <c r="AX34" s="753" t="s">
        <v>455</v>
      </c>
      <c r="AY34" s="968"/>
      <c r="AZ34" s="968"/>
      <c r="BA34" s="968"/>
      <c r="BB34" s="968"/>
      <c r="BC34" s="968"/>
      <c r="BD34" s="968"/>
      <c r="BE34" s="968"/>
      <c r="BF34" s="968"/>
      <c r="BG34" s="968"/>
      <c r="BH34" s="968"/>
      <c r="BI34" s="509" t="s">
        <v>452</v>
      </c>
    </row>
    <row r="35" spans="1:61" ht="13.5" customHeight="1">
      <c r="A35" s="514"/>
      <c r="B35" s="753"/>
      <c r="C35" s="753"/>
      <c r="D35" s="753"/>
      <c r="E35" s="753"/>
      <c r="F35" s="753"/>
      <c r="G35" s="509"/>
      <c r="H35" s="492"/>
      <c r="I35" s="493"/>
      <c r="J35" s="493"/>
      <c r="K35" s="493"/>
      <c r="L35" s="493"/>
      <c r="M35" s="493"/>
      <c r="N35" s="493"/>
      <c r="O35" s="493"/>
      <c r="P35" s="493"/>
      <c r="Q35" s="493"/>
      <c r="R35" s="493"/>
      <c r="S35" s="493"/>
      <c r="T35" s="493"/>
      <c r="U35" s="493"/>
      <c r="V35" s="493"/>
      <c r="W35" s="494"/>
      <c r="X35" s="492"/>
      <c r="Y35" s="753" t="s">
        <v>110</v>
      </c>
      <c r="Z35" s="753"/>
      <c r="AA35" s="753"/>
      <c r="AB35" s="753"/>
      <c r="AC35" s="753"/>
      <c r="AD35" s="753"/>
      <c r="AE35" s="753"/>
      <c r="AF35" s="753"/>
      <c r="AG35" s="753"/>
      <c r="AH35" s="753"/>
      <c r="AI35" s="753"/>
      <c r="AJ35" s="753"/>
      <c r="AK35" s="753"/>
      <c r="AL35" s="753"/>
      <c r="AM35" s="753"/>
      <c r="AN35" s="753"/>
      <c r="AO35" s="753"/>
      <c r="AP35" s="753"/>
      <c r="AQ35" s="753"/>
      <c r="AR35" s="753"/>
      <c r="AS35" s="753"/>
      <c r="AT35" s="753"/>
      <c r="AU35" s="753"/>
      <c r="AV35" s="753"/>
      <c r="AW35" s="753"/>
      <c r="AX35" s="753"/>
      <c r="AY35" s="753"/>
      <c r="AZ35" s="753"/>
      <c r="BA35" s="753"/>
      <c r="BB35" s="753"/>
      <c r="BC35" s="753"/>
      <c r="BD35" s="753"/>
      <c r="BE35" s="753"/>
      <c r="BF35" s="753"/>
      <c r="BG35" s="753"/>
      <c r="BH35" s="753"/>
      <c r="BI35" s="509"/>
    </row>
    <row r="36" spans="1:61" ht="13.5" customHeight="1">
      <c r="A36" s="514"/>
      <c r="B36" s="753"/>
      <c r="C36" s="753"/>
      <c r="D36" s="753"/>
      <c r="E36" s="753"/>
      <c r="F36" s="753"/>
      <c r="G36" s="509"/>
      <c r="H36" s="492"/>
      <c r="I36" s="493"/>
      <c r="J36" s="493"/>
      <c r="K36" s="493"/>
      <c r="L36" s="493"/>
      <c r="M36" s="493"/>
      <c r="N36" s="493"/>
      <c r="O36" s="493"/>
      <c r="P36" s="493"/>
      <c r="Q36" s="493"/>
      <c r="R36" s="493"/>
      <c r="S36" s="493"/>
      <c r="T36" s="493"/>
      <c r="U36" s="493"/>
      <c r="V36" s="493"/>
      <c r="W36" s="494"/>
      <c r="X36" s="492"/>
      <c r="Y36" s="753"/>
      <c r="Z36" s="753" t="s">
        <v>135</v>
      </c>
      <c r="AA36" s="753"/>
      <c r="AB36" s="753"/>
      <c r="AC36" s="753"/>
      <c r="AD36" s="753"/>
      <c r="AE36" s="753" t="s">
        <v>455</v>
      </c>
      <c r="AF36" s="968"/>
      <c r="AG36" s="968"/>
      <c r="AH36" s="968"/>
      <c r="AI36" s="968"/>
      <c r="AJ36" s="968"/>
      <c r="AK36" s="968"/>
      <c r="AL36" s="753" t="s">
        <v>443</v>
      </c>
      <c r="AM36" s="753"/>
      <c r="AN36" s="753" t="s">
        <v>104</v>
      </c>
      <c r="AO36" s="753"/>
      <c r="AP36" s="753"/>
      <c r="AQ36" s="753" t="s">
        <v>455</v>
      </c>
      <c r="AR36" s="980" t="s">
        <v>456</v>
      </c>
      <c r="AS36" s="981"/>
      <c r="AT36" s="981"/>
      <c r="AU36" s="981"/>
      <c r="AV36" s="981"/>
      <c r="AW36" s="981"/>
      <c r="AX36" s="981"/>
      <c r="AY36" s="981"/>
      <c r="AZ36" s="981"/>
      <c r="BA36" s="981"/>
      <c r="BB36" s="981"/>
      <c r="BC36" s="981"/>
      <c r="BD36" s="753" t="s">
        <v>106</v>
      </c>
      <c r="BE36" s="753"/>
      <c r="BF36" s="753" t="s">
        <v>107</v>
      </c>
      <c r="BG36" s="753"/>
      <c r="BH36" s="753"/>
      <c r="BI36" s="509"/>
    </row>
    <row r="37" spans="1:61" ht="13.5" customHeight="1">
      <c r="A37" s="514"/>
      <c r="B37" s="753"/>
      <c r="C37" s="753"/>
      <c r="D37" s="753"/>
      <c r="E37" s="753"/>
      <c r="F37" s="753"/>
      <c r="G37" s="509"/>
      <c r="H37" s="492"/>
      <c r="I37" s="493" t="s">
        <v>136</v>
      </c>
      <c r="J37" s="493"/>
      <c r="K37" s="493"/>
      <c r="L37" s="493"/>
      <c r="M37" s="493"/>
      <c r="N37" s="493"/>
      <c r="O37" s="493"/>
      <c r="P37" s="493"/>
      <c r="Q37" s="493"/>
      <c r="R37" s="493"/>
      <c r="S37" s="493"/>
      <c r="T37" s="493"/>
      <c r="U37" s="493"/>
      <c r="V37" s="493"/>
      <c r="W37" s="494"/>
      <c r="X37" s="492"/>
      <c r="Y37" s="753" t="s">
        <v>137</v>
      </c>
      <c r="Z37" s="753"/>
      <c r="AA37" s="753"/>
      <c r="AB37" s="753"/>
      <c r="AC37" s="753"/>
      <c r="AD37" s="753"/>
      <c r="AE37" s="753"/>
      <c r="AF37" s="753"/>
      <c r="AG37" s="753"/>
      <c r="AH37" s="753"/>
      <c r="AI37" s="753"/>
      <c r="AJ37" s="753"/>
      <c r="AK37" s="753"/>
      <c r="AL37" s="753"/>
      <c r="AM37" s="753"/>
      <c r="AN37" s="753"/>
      <c r="AO37" s="753"/>
      <c r="AP37" s="753"/>
      <c r="AQ37" s="753"/>
      <c r="AR37" s="982" t="s">
        <v>457</v>
      </c>
      <c r="AS37" s="982"/>
      <c r="AT37" s="982"/>
      <c r="AU37" s="982"/>
      <c r="AV37" s="982"/>
      <c r="AW37" s="982"/>
      <c r="AX37" s="982"/>
      <c r="AY37" s="982"/>
      <c r="AZ37" s="982"/>
      <c r="BA37" s="982"/>
      <c r="BB37" s="982"/>
      <c r="BC37" s="982"/>
      <c r="BD37" s="753"/>
      <c r="BE37" s="753"/>
      <c r="BF37" s="753"/>
      <c r="BG37" s="753"/>
      <c r="BH37" s="753"/>
      <c r="BI37" s="509"/>
    </row>
    <row r="38" spans="1:61" ht="13.5" customHeight="1">
      <c r="A38" s="514"/>
      <c r="B38" s="753"/>
      <c r="C38" s="753"/>
      <c r="D38" s="753"/>
      <c r="E38" s="753"/>
      <c r="F38" s="753"/>
      <c r="G38" s="509"/>
      <c r="H38" s="492"/>
      <c r="I38" s="493"/>
      <c r="J38" s="493"/>
      <c r="K38" s="493"/>
      <c r="L38" s="493"/>
      <c r="M38" s="493"/>
      <c r="N38" s="493"/>
      <c r="O38" s="493"/>
      <c r="P38" s="493"/>
      <c r="Q38" s="493"/>
      <c r="R38" s="493"/>
      <c r="S38" s="493"/>
      <c r="T38" s="493"/>
      <c r="U38" s="493"/>
      <c r="V38" s="493"/>
      <c r="W38" s="494"/>
      <c r="X38" s="492"/>
      <c r="Y38" s="753"/>
      <c r="Z38" s="753" t="s">
        <v>138</v>
      </c>
      <c r="AA38" s="753"/>
      <c r="AB38" s="753"/>
      <c r="AC38" s="753"/>
      <c r="AD38" s="753"/>
      <c r="AE38" s="753" t="s">
        <v>139</v>
      </c>
      <c r="AF38" s="753"/>
      <c r="AG38" s="753"/>
      <c r="AH38" s="753"/>
      <c r="AI38" s="753"/>
      <c r="AJ38" s="753" t="s">
        <v>140</v>
      </c>
      <c r="AK38" s="753"/>
      <c r="AL38" s="753"/>
      <c r="AM38" s="753"/>
      <c r="AN38" s="753"/>
      <c r="AO38" s="753" t="s">
        <v>141</v>
      </c>
      <c r="AP38" s="753"/>
      <c r="AQ38" s="753"/>
      <c r="AR38" s="753"/>
      <c r="AS38" s="753"/>
      <c r="AT38" s="753"/>
      <c r="AU38" s="753"/>
      <c r="AV38" s="753"/>
      <c r="AW38" s="753"/>
      <c r="AX38" s="753"/>
      <c r="AY38" s="753"/>
      <c r="AZ38" s="753" t="s">
        <v>142</v>
      </c>
      <c r="BA38" s="753"/>
      <c r="BB38" s="753"/>
      <c r="BC38" s="753"/>
      <c r="BD38" s="753"/>
      <c r="BE38" s="753"/>
      <c r="BF38" s="753"/>
      <c r="BG38" s="753"/>
      <c r="BH38" s="753"/>
      <c r="BI38" s="509"/>
    </row>
    <row r="39" spans="1:61" ht="13.5" customHeight="1">
      <c r="A39" s="514"/>
      <c r="B39" s="753"/>
      <c r="C39" s="753"/>
      <c r="D39" s="753"/>
      <c r="E39" s="753"/>
      <c r="F39" s="753"/>
      <c r="G39" s="509"/>
      <c r="H39" s="492"/>
      <c r="I39" s="493"/>
      <c r="J39" s="493"/>
      <c r="K39" s="493"/>
      <c r="L39" s="493"/>
      <c r="M39" s="493"/>
      <c r="N39" s="493"/>
      <c r="O39" s="493"/>
      <c r="P39" s="493"/>
      <c r="Q39" s="493"/>
      <c r="R39" s="493"/>
      <c r="S39" s="493"/>
      <c r="T39" s="493"/>
      <c r="U39" s="493"/>
      <c r="V39" s="493"/>
      <c r="W39" s="494"/>
      <c r="X39" s="492"/>
      <c r="Y39" s="753"/>
      <c r="Z39" s="753" t="s">
        <v>143</v>
      </c>
      <c r="AA39" s="753"/>
      <c r="AB39" s="753"/>
      <c r="AC39" s="753"/>
      <c r="AD39" s="753"/>
      <c r="AE39" s="753"/>
      <c r="AF39" s="753"/>
      <c r="AG39" s="753"/>
      <c r="AH39" s="753"/>
      <c r="AI39" s="753" t="s">
        <v>104</v>
      </c>
      <c r="AJ39" s="753"/>
      <c r="AK39" s="753"/>
      <c r="AL39" s="753" t="s">
        <v>455</v>
      </c>
      <c r="AM39" s="968"/>
      <c r="AN39" s="968"/>
      <c r="AO39" s="968"/>
      <c r="AP39" s="968"/>
      <c r="AQ39" s="968"/>
      <c r="AR39" s="968"/>
      <c r="AS39" s="968"/>
      <c r="AT39" s="968"/>
      <c r="AU39" s="968"/>
      <c r="AV39" s="968"/>
      <c r="AW39" s="968"/>
      <c r="AX39" s="968"/>
      <c r="AY39" s="968"/>
      <c r="AZ39" s="968"/>
      <c r="BA39" s="968"/>
      <c r="BB39" s="968"/>
      <c r="BC39" s="968"/>
      <c r="BD39" s="753" t="s">
        <v>442</v>
      </c>
      <c r="BE39" s="753"/>
      <c r="BF39" s="753" t="s">
        <v>458</v>
      </c>
      <c r="BG39" s="753"/>
      <c r="BH39" s="753"/>
      <c r="BI39" s="509"/>
    </row>
    <row r="40" spans="1:61" ht="13.5" customHeight="1">
      <c r="A40" s="514"/>
      <c r="B40" s="753"/>
      <c r="C40" s="753"/>
      <c r="D40" s="753"/>
      <c r="E40" s="753"/>
      <c r="F40" s="753"/>
      <c r="G40" s="509"/>
      <c r="H40" s="492"/>
      <c r="I40" s="493"/>
      <c r="J40" s="493"/>
      <c r="K40" s="493"/>
      <c r="L40" s="493"/>
      <c r="M40" s="493"/>
      <c r="N40" s="493"/>
      <c r="O40" s="493"/>
      <c r="P40" s="493"/>
      <c r="Q40" s="493"/>
      <c r="R40" s="493"/>
      <c r="S40" s="493"/>
      <c r="T40" s="493"/>
      <c r="U40" s="493"/>
      <c r="V40" s="493"/>
      <c r="W40" s="494"/>
      <c r="X40" s="492"/>
      <c r="Y40" s="753" t="s">
        <v>144</v>
      </c>
      <c r="Z40" s="753"/>
      <c r="AA40" s="753"/>
      <c r="AB40" s="753"/>
      <c r="AC40" s="753"/>
      <c r="AD40" s="753"/>
      <c r="AE40" s="753"/>
      <c r="AF40" s="753"/>
      <c r="AG40" s="753"/>
      <c r="AH40" s="753"/>
      <c r="AI40" s="753"/>
      <c r="AJ40" s="753"/>
      <c r="AK40" s="753"/>
      <c r="AL40" s="753"/>
      <c r="AM40" s="753"/>
      <c r="AN40" s="753"/>
      <c r="AO40" s="753"/>
      <c r="AP40" s="753"/>
      <c r="AQ40" s="753"/>
      <c r="AR40" s="753"/>
      <c r="AS40" s="753"/>
      <c r="AT40" s="753"/>
      <c r="AU40" s="753"/>
      <c r="AV40" s="753"/>
      <c r="AW40" s="753"/>
      <c r="AX40" s="753"/>
      <c r="AY40" s="753"/>
      <c r="AZ40" s="753"/>
      <c r="BA40" s="753"/>
      <c r="BB40" s="753"/>
      <c r="BC40" s="753"/>
      <c r="BD40" s="753"/>
      <c r="BE40" s="753"/>
      <c r="BF40" s="753"/>
      <c r="BG40" s="753"/>
      <c r="BH40" s="753"/>
      <c r="BI40" s="509"/>
    </row>
    <row r="41" spans="1:61" ht="13.5" customHeight="1">
      <c r="A41" s="514"/>
      <c r="B41" s="753"/>
      <c r="C41" s="753"/>
      <c r="D41" s="753"/>
      <c r="E41" s="753"/>
      <c r="F41" s="753"/>
      <c r="G41" s="509"/>
      <c r="H41" s="492"/>
      <c r="I41" s="493"/>
      <c r="J41" s="493"/>
      <c r="K41" s="493"/>
      <c r="L41" s="493"/>
      <c r="M41" s="493"/>
      <c r="N41" s="493"/>
      <c r="O41" s="493"/>
      <c r="P41" s="493"/>
      <c r="Q41" s="493"/>
      <c r="R41" s="493"/>
      <c r="S41" s="493"/>
      <c r="T41" s="493"/>
      <c r="U41" s="493"/>
      <c r="V41" s="493"/>
      <c r="W41" s="494"/>
      <c r="X41" s="492"/>
      <c r="Y41" s="753"/>
      <c r="Z41" s="753" t="s">
        <v>145</v>
      </c>
      <c r="AA41" s="753"/>
      <c r="AB41" s="753"/>
      <c r="AC41" s="753"/>
      <c r="AD41" s="753"/>
      <c r="AE41" s="753"/>
      <c r="AF41" s="753" t="s">
        <v>104</v>
      </c>
      <c r="AG41" s="753"/>
      <c r="AH41" s="753"/>
      <c r="AI41" s="753" t="s">
        <v>441</v>
      </c>
      <c r="AJ41" s="968"/>
      <c r="AK41" s="968"/>
      <c r="AL41" s="968"/>
      <c r="AM41" s="968"/>
      <c r="AN41" s="968"/>
      <c r="AO41" s="968"/>
      <c r="AP41" s="968"/>
      <c r="AQ41" s="968"/>
      <c r="AR41" s="968"/>
      <c r="AS41" s="968"/>
      <c r="AT41" s="968"/>
      <c r="AU41" s="968"/>
      <c r="AV41" s="968"/>
      <c r="AW41" s="968"/>
      <c r="AX41" s="968"/>
      <c r="AY41" s="968"/>
      <c r="AZ41" s="968"/>
      <c r="BA41" s="968"/>
      <c r="BB41" s="968"/>
      <c r="BC41" s="968"/>
      <c r="BD41" s="753" t="s">
        <v>442</v>
      </c>
      <c r="BE41" s="753"/>
      <c r="BF41" s="753" t="s">
        <v>459</v>
      </c>
      <c r="BG41" s="753"/>
      <c r="BH41" s="753"/>
      <c r="BI41" s="509"/>
    </row>
    <row r="42" spans="1:61" ht="13.5" customHeight="1">
      <c r="A42" s="514"/>
      <c r="B42" s="753"/>
      <c r="C42" s="753"/>
      <c r="D42" s="753"/>
      <c r="E42" s="753"/>
      <c r="F42" s="753"/>
      <c r="G42" s="509"/>
      <c r="H42" s="492"/>
      <c r="I42" s="493" t="s">
        <v>104</v>
      </c>
      <c r="J42" s="493"/>
      <c r="K42" s="493"/>
      <c r="L42" s="493" t="s">
        <v>105</v>
      </c>
      <c r="M42" s="968"/>
      <c r="N42" s="968"/>
      <c r="O42" s="968"/>
      <c r="P42" s="968"/>
      <c r="Q42" s="968"/>
      <c r="R42" s="968"/>
      <c r="S42" s="968"/>
      <c r="T42" s="968"/>
      <c r="U42" s="968"/>
      <c r="V42" s="968"/>
      <c r="W42" s="494" t="s">
        <v>452</v>
      </c>
      <c r="X42" s="492"/>
      <c r="Y42" s="753" t="s">
        <v>104</v>
      </c>
      <c r="Z42" s="753"/>
      <c r="AA42" s="753"/>
      <c r="AB42" s="753" t="s">
        <v>455</v>
      </c>
      <c r="AC42" s="968"/>
      <c r="AD42" s="968"/>
      <c r="AE42" s="968"/>
      <c r="AF42" s="968"/>
      <c r="AG42" s="968"/>
      <c r="AH42" s="968"/>
      <c r="AI42" s="968"/>
      <c r="AJ42" s="968"/>
      <c r="AK42" s="968"/>
      <c r="AL42" s="968"/>
      <c r="AM42" s="968"/>
      <c r="AN42" s="968"/>
      <c r="AO42" s="968"/>
      <c r="AP42" s="968"/>
      <c r="AQ42" s="968"/>
      <c r="AR42" s="968"/>
      <c r="AS42" s="968"/>
      <c r="AT42" s="968"/>
      <c r="AU42" s="968"/>
      <c r="AV42" s="968"/>
      <c r="AW42" s="968"/>
      <c r="AX42" s="968"/>
      <c r="AY42" s="968"/>
      <c r="AZ42" s="968"/>
      <c r="BA42" s="968"/>
      <c r="BB42" s="968"/>
      <c r="BC42" s="968"/>
      <c r="BD42" s="968"/>
      <c r="BE42" s="968"/>
      <c r="BF42" s="968"/>
      <c r="BG42" s="968"/>
      <c r="BH42" s="968"/>
      <c r="BI42" s="509" t="s">
        <v>442</v>
      </c>
    </row>
    <row r="43" spans="1:61" ht="13.5" customHeight="1">
      <c r="A43" s="514"/>
      <c r="B43" s="753"/>
      <c r="C43" s="753"/>
      <c r="D43" s="753"/>
      <c r="E43" s="753"/>
      <c r="F43" s="753"/>
      <c r="G43" s="509"/>
      <c r="H43" s="492"/>
      <c r="I43" s="493"/>
      <c r="J43" s="493"/>
      <c r="K43" s="493"/>
      <c r="L43" s="493"/>
      <c r="M43" s="745"/>
      <c r="N43" s="745"/>
      <c r="O43" s="745"/>
      <c r="P43" s="745"/>
      <c r="Q43" s="745"/>
      <c r="R43" s="745"/>
      <c r="S43" s="745"/>
      <c r="T43" s="745"/>
      <c r="U43" s="745"/>
      <c r="V43" s="745"/>
      <c r="W43" s="494"/>
      <c r="X43" s="492"/>
      <c r="Y43" s="753"/>
      <c r="Z43" s="753"/>
      <c r="AA43" s="753"/>
      <c r="AB43" s="753"/>
      <c r="AC43" s="745"/>
      <c r="AD43" s="745"/>
      <c r="AE43" s="745"/>
      <c r="AF43" s="745"/>
      <c r="AG43" s="745"/>
      <c r="AH43" s="745"/>
      <c r="AI43" s="745"/>
      <c r="AJ43" s="745"/>
      <c r="AK43" s="745"/>
      <c r="AL43" s="745"/>
      <c r="AM43" s="745"/>
      <c r="AN43" s="745"/>
      <c r="AO43" s="745"/>
      <c r="AP43" s="745"/>
      <c r="AQ43" s="745"/>
      <c r="AR43" s="745"/>
      <c r="AS43" s="745"/>
      <c r="AT43" s="745"/>
      <c r="AU43" s="745"/>
      <c r="AV43" s="745"/>
      <c r="AW43" s="745"/>
      <c r="AX43" s="745"/>
      <c r="AY43" s="745"/>
      <c r="AZ43" s="745"/>
      <c r="BA43" s="745"/>
      <c r="BB43" s="745"/>
      <c r="BC43" s="745"/>
      <c r="BD43" s="745"/>
      <c r="BE43" s="745"/>
      <c r="BF43" s="745"/>
      <c r="BG43" s="745"/>
      <c r="BH43" s="745"/>
      <c r="BI43" s="509"/>
    </row>
    <row r="44" spans="1:61" ht="13.5" customHeight="1">
      <c r="A44" s="511"/>
      <c r="B44" s="512"/>
      <c r="C44" s="512"/>
      <c r="D44" s="512"/>
      <c r="E44" s="512"/>
      <c r="F44" s="512"/>
      <c r="G44" s="513"/>
      <c r="H44" s="501"/>
      <c r="I44" s="502"/>
      <c r="J44" s="502"/>
      <c r="K44" s="502"/>
      <c r="L44" s="502"/>
      <c r="M44" s="502"/>
      <c r="N44" s="502"/>
      <c r="O44" s="502"/>
      <c r="P44" s="502"/>
      <c r="Q44" s="502"/>
      <c r="R44" s="502"/>
      <c r="S44" s="502"/>
      <c r="T44" s="502"/>
      <c r="U44" s="502"/>
      <c r="V44" s="502"/>
      <c r="W44" s="503"/>
      <c r="X44" s="501"/>
      <c r="Y44" s="512"/>
      <c r="Z44" s="512"/>
      <c r="AA44" s="512"/>
      <c r="AB44" s="512"/>
      <c r="AC44" s="512"/>
      <c r="AD44" s="512"/>
      <c r="AE44" s="512"/>
      <c r="AF44" s="512"/>
      <c r="AG44" s="512"/>
      <c r="AH44" s="512"/>
      <c r="AI44" s="512"/>
      <c r="AJ44" s="512"/>
      <c r="AK44" s="512"/>
      <c r="AL44" s="512"/>
      <c r="AM44" s="512"/>
      <c r="AN44" s="512"/>
      <c r="AO44" s="512"/>
      <c r="AP44" s="512"/>
      <c r="AQ44" s="512"/>
      <c r="AR44" s="512"/>
      <c r="AS44" s="512"/>
      <c r="AT44" s="512"/>
      <c r="AU44" s="512"/>
      <c r="AV44" s="512"/>
      <c r="AW44" s="512"/>
      <c r="AX44" s="512"/>
      <c r="AY44" s="512"/>
      <c r="AZ44" s="512"/>
      <c r="BA44" s="512"/>
      <c r="BB44" s="512"/>
      <c r="BC44" s="512"/>
      <c r="BD44" s="512"/>
      <c r="BE44" s="512"/>
      <c r="BF44" s="512"/>
      <c r="BG44" s="512"/>
      <c r="BH44" s="512"/>
      <c r="BI44" s="513"/>
    </row>
    <row r="45" spans="1:61" ht="13.5" customHeight="1">
      <c r="A45" s="973" t="s">
        <v>146</v>
      </c>
      <c r="B45" s="974"/>
      <c r="C45" s="974"/>
      <c r="D45" s="974"/>
      <c r="E45" s="974"/>
      <c r="F45" s="974"/>
      <c r="G45" s="975"/>
      <c r="H45" s="489"/>
      <c r="I45" s="490" t="s">
        <v>460</v>
      </c>
      <c r="J45" s="490"/>
      <c r="K45" s="490"/>
      <c r="L45" s="490"/>
      <c r="M45" s="490"/>
      <c r="N45" s="490"/>
      <c r="O45" s="490"/>
      <c r="P45" s="490"/>
      <c r="Q45" s="490"/>
      <c r="R45" s="490"/>
      <c r="S45" s="490"/>
      <c r="T45" s="490"/>
      <c r="U45" s="490"/>
      <c r="V45" s="490"/>
      <c r="W45" s="490"/>
      <c r="X45" s="489"/>
      <c r="Y45" s="746" t="s">
        <v>147</v>
      </c>
      <c r="Z45" s="746"/>
      <c r="AA45" s="746"/>
      <c r="AB45" s="746"/>
      <c r="AC45" s="746"/>
      <c r="AD45" s="746"/>
      <c r="AE45" s="746"/>
      <c r="AF45" s="746"/>
      <c r="AG45" s="746"/>
      <c r="AH45" s="746"/>
      <c r="AI45" s="746"/>
      <c r="AJ45" s="746"/>
      <c r="AK45" s="746"/>
      <c r="AL45" s="746"/>
      <c r="AM45" s="746"/>
      <c r="AN45" s="746"/>
      <c r="AO45" s="746"/>
      <c r="AP45" s="746"/>
      <c r="AQ45" s="746"/>
      <c r="AR45" s="746"/>
      <c r="AS45" s="746"/>
      <c r="AT45" s="746"/>
      <c r="AU45" s="746"/>
      <c r="AV45" s="746"/>
      <c r="AW45" s="746"/>
      <c r="AX45" s="746"/>
      <c r="AY45" s="746"/>
      <c r="AZ45" s="746"/>
      <c r="BA45" s="746"/>
      <c r="BB45" s="746"/>
      <c r="BC45" s="746"/>
      <c r="BD45" s="746"/>
      <c r="BE45" s="746"/>
      <c r="BF45" s="746"/>
      <c r="BG45" s="746"/>
      <c r="BH45" s="746"/>
      <c r="BI45" s="506"/>
    </row>
    <row r="46" spans="1:61" ht="13.5" customHeight="1">
      <c r="A46" s="747"/>
      <c r="B46" s="748"/>
      <c r="C46" s="748"/>
      <c r="D46" s="748"/>
      <c r="E46" s="748"/>
      <c r="F46" s="748"/>
      <c r="G46" s="749"/>
      <c r="H46" s="492"/>
      <c r="I46" s="493"/>
      <c r="J46" s="493"/>
      <c r="K46" s="493"/>
      <c r="L46" s="493"/>
      <c r="M46" s="493"/>
      <c r="N46" s="493"/>
      <c r="O46" s="493"/>
      <c r="P46" s="493"/>
      <c r="Q46" s="493"/>
      <c r="R46" s="493"/>
      <c r="S46" s="493"/>
      <c r="T46" s="493"/>
      <c r="U46" s="493"/>
      <c r="V46" s="493"/>
      <c r="W46" s="493"/>
      <c r="X46" s="492"/>
      <c r="Y46" s="753"/>
      <c r="Z46" s="753" t="s">
        <v>148</v>
      </c>
      <c r="AA46" s="753"/>
      <c r="AB46" s="753"/>
      <c r="AC46" s="753"/>
      <c r="AD46" s="753"/>
      <c r="AE46" s="753"/>
      <c r="AF46" s="753" t="s">
        <v>104</v>
      </c>
      <c r="AG46" s="753"/>
      <c r="AH46" s="753"/>
      <c r="AI46" s="753" t="s">
        <v>149</v>
      </c>
      <c r="AJ46" s="968"/>
      <c r="AK46" s="976"/>
      <c r="AL46" s="976"/>
      <c r="AM46" s="976"/>
      <c r="AN46" s="976"/>
      <c r="AO46" s="976"/>
      <c r="AP46" s="976"/>
      <c r="AQ46" s="976"/>
      <c r="AR46" s="976"/>
      <c r="AS46" s="976"/>
      <c r="AT46" s="976"/>
      <c r="AU46" s="976"/>
      <c r="AV46" s="976"/>
      <c r="AW46" s="976"/>
      <c r="AX46" s="976"/>
      <c r="AY46" s="976"/>
      <c r="AZ46" s="976"/>
      <c r="BA46" s="976"/>
      <c r="BB46" s="976"/>
      <c r="BC46" s="976"/>
      <c r="BD46" s="753" t="s">
        <v>106</v>
      </c>
      <c r="BE46" s="753"/>
      <c r="BF46" s="753" t="s">
        <v>107</v>
      </c>
      <c r="BG46" s="753"/>
      <c r="BH46" s="753"/>
      <c r="BI46" s="509"/>
    </row>
    <row r="47" spans="1:61" ht="13.5" customHeight="1">
      <c r="A47" s="747"/>
      <c r="B47" s="748"/>
      <c r="C47" s="748"/>
      <c r="D47" s="748"/>
      <c r="E47" s="748"/>
      <c r="F47" s="748"/>
      <c r="G47" s="749"/>
      <c r="H47" s="492"/>
      <c r="I47" s="493"/>
      <c r="J47" s="493"/>
      <c r="K47" s="493"/>
      <c r="L47" s="493"/>
      <c r="M47" s="493"/>
      <c r="N47" s="493"/>
      <c r="O47" s="493"/>
      <c r="P47" s="493"/>
      <c r="Q47" s="493"/>
      <c r="R47" s="493"/>
      <c r="S47" s="493"/>
      <c r="T47" s="493"/>
      <c r="U47" s="493"/>
      <c r="V47" s="493"/>
      <c r="W47" s="493"/>
      <c r="X47" s="492"/>
      <c r="Y47" s="753" t="s">
        <v>150</v>
      </c>
      <c r="Z47" s="753"/>
      <c r="AA47" s="753"/>
      <c r="AB47" s="753"/>
      <c r="AC47" s="753"/>
      <c r="AD47" s="753"/>
      <c r="AE47" s="753"/>
      <c r="AF47" s="753"/>
      <c r="AG47" s="753"/>
      <c r="AH47" s="753"/>
      <c r="AI47" s="753"/>
      <c r="AJ47" s="753"/>
      <c r="AK47" s="753"/>
      <c r="AL47" s="753"/>
      <c r="AM47" s="753"/>
      <c r="AN47" s="753"/>
      <c r="AO47" s="753"/>
      <c r="AP47" s="753"/>
      <c r="AQ47" s="753"/>
      <c r="AR47" s="753"/>
      <c r="AS47" s="753"/>
      <c r="AT47" s="753"/>
      <c r="AU47" s="753"/>
      <c r="AV47" s="753"/>
      <c r="AW47" s="753"/>
      <c r="AX47" s="753"/>
      <c r="AY47" s="753"/>
      <c r="AZ47" s="753"/>
      <c r="BA47" s="753"/>
      <c r="BB47" s="753"/>
      <c r="BC47" s="753"/>
      <c r="BD47" s="753"/>
      <c r="BE47" s="753"/>
      <c r="BF47" s="753"/>
      <c r="BG47" s="753"/>
      <c r="BH47" s="753"/>
      <c r="BI47" s="509"/>
    </row>
    <row r="48" spans="1:61" ht="13.5" customHeight="1">
      <c r="A48" s="747"/>
      <c r="B48" s="748"/>
      <c r="C48" s="748"/>
      <c r="D48" s="748"/>
      <c r="E48" s="748"/>
      <c r="F48" s="748"/>
      <c r="G48" s="749"/>
      <c r="H48" s="492"/>
      <c r="I48" s="493"/>
      <c r="J48" s="493"/>
      <c r="K48" s="493"/>
      <c r="L48" s="493"/>
      <c r="M48" s="493"/>
      <c r="N48" s="493"/>
      <c r="O48" s="493"/>
      <c r="P48" s="493"/>
      <c r="Q48" s="493"/>
      <c r="R48" s="493"/>
      <c r="S48" s="493"/>
      <c r="T48" s="493"/>
      <c r="U48" s="493"/>
      <c r="V48" s="493"/>
      <c r="W48" s="493"/>
      <c r="X48" s="492"/>
      <c r="Y48" s="753"/>
      <c r="Z48" s="753" t="s">
        <v>148</v>
      </c>
      <c r="AA48" s="753"/>
      <c r="AB48" s="753"/>
      <c r="AC48" s="753"/>
      <c r="AD48" s="753"/>
      <c r="AE48" s="753"/>
      <c r="AF48" s="753" t="s">
        <v>104</v>
      </c>
      <c r="AG48" s="753"/>
      <c r="AH48" s="753"/>
      <c r="AI48" s="753" t="s">
        <v>461</v>
      </c>
      <c r="AJ48" s="968"/>
      <c r="AK48" s="976"/>
      <c r="AL48" s="976"/>
      <c r="AM48" s="976"/>
      <c r="AN48" s="976"/>
      <c r="AO48" s="976"/>
      <c r="AP48" s="976"/>
      <c r="AQ48" s="976"/>
      <c r="AR48" s="976"/>
      <c r="AS48" s="976"/>
      <c r="AT48" s="976"/>
      <c r="AU48" s="976"/>
      <c r="AV48" s="976"/>
      <c r="AW48" s="976"/>
      <c r="AX48" s="753" t="s">
        <v>462</v>
      </c>
      <c r="AY48" s="753"/>
      <c r="AZ48" s="753" t="s">
        <v>107</v>
      </c>
      <c r="BA48" s="496"/>
      <c r="BB48" s="753"/>
      <c r="BC48" s="753"/>
      <c r="BD48" s="753"/>
      <c r="BE48" s="753" t="s">
        <v>152</v>
      </c>
      <c r="BF48" s="496"/>
      <c r="BG48" s="753"/>
      <c r="BH48" s="753"/>
      <c r="BI48" s="509"/>
    </row>
    <row r="49" spans="1:61" ht="13.5" customHeight="1">
      <c r="A49" s="747"/>
      <c r="B49" s="748"/>
      <c r="C49" s="748"/>
      <c r="D49" s="748"/>
      <c r="E49" s="748"/>
      <c r="F49" s="748"/>
      <c r="G49" s="749"/>
      <c r="H49" s="492"/>
      <c r="I49" s="493"/>
      <c r="J49" s="493"/>
      <c r="K49" s="493"/>
      <c r="L49" s="493"/>
      <c r="M49" s="493"/>
      <c r="N49" s="493"/>
      <c r="O49" s="493"/>
      <c r="P49" s="493"/>
      <c r="Q49" s="493"/>
      <c r="R49" s="493"/>
      <c r="S49" s="493"/>
      <c r="T49" s="493"/>
      <c r="U49" s="493"/>
      <c r="V49" s="493"/>
      <c r="W49" s="493"/>
      <c r="X49" s="492"/>
      <c r="Y49" s="753"/>
      <c r="Z49" s="753" t="s">
        <v>153</v>
      </c>
      <c r="AA49" s="753"/>
      <c r="AB49" s="753"/>
      <c r="AC49" s="753"/>
      <c r="AD49" s="753"/>
      <c r="AE49" s="753" t="s">
        <v>463</v>
      </c>
      <c r="AF49" s="968"/>
      <c r="AG49" s="968"/>
      <c r="AH49" s="968"/>
      <c r="AI49" s="753" t="s">
        <v>154</v>
      </c>
      <c r="AJ49" s="496"/>
      <c r="AK49" s="753"/>
      <c r="AL49" s="753"/>
      <c r="AM49" s="753"/>
      <c r="AN49" s="753"/>
      <c r="AO49" s="753"/>
      <c r="AP49" s="753"/>
      <c r="AQ49" s="753"/>
      <c r="AR49" s="753"/>
      <c r="AS49" s="753"/>
      <c r="AT49" s="753"/>
      <c r="AU49" s="753"/>
      <c r="AV49" s="753"/>
      <c r="AW49" s="753"/>
      <c r="AX49" s="753"/>
      <c r="AY49" s="753"/>
      <c r="AZ49" s="753"/>
      <c r="BA49" s="753"/>
      <c r="BB49" s="753"/>
      <c r="BC49" s="753"/>
      <c r="BD49" s="753"/>
      <c r="BE49" s="753"/>
      <c r="BF49" s="753"/>
      <c r="BG49" s="753"/>
      <c r="BH49" s="753"/>
      <c r="BI49" s="509"/>
    </row>
    <row r="50" spans="1:61" ht="13.5" customHeight="1">
      <c r="A50" s="747"/>
      <c r="B50" s="748"/>
      <c r="C50" s="748"/>
      <c r="D50" s="748"/>
      <c r="E50" s="748"/>
      <c r="F50" s="748"/>
      <c r="G50" s="749"/>
      <c r="H50" s="492"/>
      <c r="I50" s="493"/>
      <c r="J50" s="493"/>
      <c r="K50" s="493"/>
      <c r="L50" s="493"/>
      <c r="M50" s="493"/>
      <c r="N50" s="493"/>
      <c r="O50" s="493"/>
      <c r="P50" s="493"/>
      <c r="Q50" s="493"/>
      <c r="R50" s="493"/>
      <c r="S50" s="493"/>
      <c r="T50" s="493"/>
      <c r="U50" s="493"/>
      <c r="V50" s="493"/>
      <c r="W50" s="493"/>
      <c r="X50" s="492"/>
      <c r="Y50" s="753"/>
      <c r="Z50" s="753" t="s">
        <v>155</v>
      </c>
      <c r="AA50" s="753"/>
      <c r="AB50" s="753"/>
      <c r="AC50" s="753"/>
      <c r="AD50" s="753"/>
      <c r="AE50" s="753"/>
      <c r="AF50" s="753"/>
      <c r="AG50" s="753"/>
      <c r="AH50" s="753"/>
      <c r="AI50" s="753"/>
      <c r="AJ50" s="753"/>
      <c r="AK50" s="753"/>
      <c r="AL50" s="753"/>
      <c r="AM50" s="753"/>
      <c r="AN50" s="753"/>
      <c r="AO50" s="753"/>
      <c r="AP50" s="753"/>
      <c r="AQ50" s="753"/>
      <c r="AR50" s="753"/>
      <c r="AS50" s="753"/>
      <c r="AT50" s="753"/>
      <c r="AU50" s="753"/>
      <c r="AV50" s="753"/>
      <c r="AW50" s="753"/>
      <c r="AX50" s="753"/>
      <c r="AY50" s="753"/>
      <c r="AZ50" s="753"/>
      <c r="BA50" s="753"/>
      <c r="BB50" s="753"/>
      <c r="BC50" s="753"/>
      <c r="BD50" s="753"/>
      <c r="BE50" s="753"/>
      <c r="BF50" s="753"/>
      <c r="BG50" s="753"/>
      <c r="BH50" s="753"/>
      <c r="BI50" s="509"/>
    </row>
    <row r="51" spans="1:61" ht="13.5" customHeight="1">
      <c r="A51" s="747"/>
      <c r="B51" s="748"/>
      <c r="C51" s="748"/>
      <c r="D51" s="748"/>
      <c r="E51" s="748"/>
      <c r="F51" s="748"/>
      <c r="G51" s="749"/>
      <c r="H51" s="492"/>
      <c r="I51" s="493"/>
      <c r="J51" s="493"/>
      <c r="K51" s="493"/>
      <c r="L51" s="493"/>
      <c r="M51" s="493"/>
      <c r="N51" s="493"/>
      <c r="O51" s="493"/>
      <c r="P51" s="493"/>
      <c r="Q51" s="493"/>
      <c r="R51" s="493"/>
      <c r="S51" s="493"/>
      <c r="T51" s="493"/>
      <c r="U51" s="493"/>
      <c r="V51" s="493"/>
      <c r="W51" s="493"/>
      <c r="X51" s="492"/>
      <c r="Y51" s="753"/>
      <c r="Z51" s="753" t="s">
        <v>156</v>
      </c>
      <c r="AA51" s="753"/>
      <c r="AB51" s="753"/>
      <c r="AC51" s="753"/>
      <c r="AD51" s="753"/>
      <c r="AE51" s="753"/>
      <c r="AF51" s="753"/>
      <c r="AG51" s="753"/>
      <c r="AH51" s="753"/>
      <c r="AI51" s="753"/>
      <c r="AJ51" s="753"/>
      <c r="AK51" s="753"/>
      <c r="AL51" s="753"/>
      <c r="AM51" s="753"/>
      <c r="AN51" s="753"/>
      <c r="AO51" s="753"/>
      <c r="AP51" s="753"/>
      <c r="AQ51" s="753"/>
      <c r="AR51" s="753"/>
      <c r="AS51" s="753"/>
      <c r="AT51" s="753"/>
      <c r="AU51" s="753"/>
      <c r="AV51" s="753"/>
      <c r="AW51" s="753"/>
      <c r="AX51" s="753"/>
      <c r="AY51" s="753"/>
      <c r="AZ51" s="753"/>
      <c r="BA51" s="753"/>
      <c r="BB51" s="753"/>
      <c r="BC51" s="753"/>
      <c r="BD51" s="753"/>
      <c r="BE51" s="753"/>
      <c r="BF51" s="753"/>
      <c r="BG51" s="753"/>
      <c r="BH51" s="753"/>
      <c r="BI51" s="509"/>
    </row>
    <row r="52" spans="1:61" ht="13.5" customHeight="1">
      <c r="A52" s="747"/>
      <c r="B52" s="748"/>
      <c r="C52" s="748"/>
      <c r="D52" s="748"/>
      <c r="E52" s="748"/>
      <c r="F52" s="748"/>
      <c r="G52" s="749"/>
      <c r="H52" s="492"/>
      <c r="I52" s="493"/>
      <c r="J52" s="493"/>
      <c r="K52" s="493"/>
      <c r="L52" s="493"/>
      <c r="M52" s="493"/>
      <c r="N52" s="493"/>
      <c r="O52" s="493"/>
      <c r="P52" s="493"/>
      <c r="Q52" s="493"/>
      <c r="R52" s="493"/>
      <c r="S52" s="493"/>
      <c r="T52" s="493"/>
      <c r="U52" s="493"/>
      <c r="V52" s="493"/>
      <c r="W52" s="493"/>
      <c r="X52" s="492"/>
      <c r="Y52" s="753"/>
      <c r="Z52" s="753"/>
      <c r="AA52" s="753"/>
      <c r="AB52" s="753"/>
      <c r="AC52" s="753"/>
      <c r="AD52" s="753"/>
      <c r="AE52" s="753"/>
      <c r="AF52" s="753"/>
      <c r="AG52" s="753"/>
      <c r="AH52" s="753"/>
      <c r="AI52" s="753"/>
      <c r="AJ52" s="753"/>
      <c r="AK52" s="753"/>
      <c r="AL52" s="753"/>
      <c r="AM52" s="753"/>
      <c r="AN52" s="753"/>
      <c r="AO52" s="753"/>
      <c r="AP52" s="753"/>
      <c r="AQ52" s="753"/>
      <c r="AR52" s="753"/>
      <c r="AS52" s="753"/>
      <c r="AT52" s="753"/>
      <c r="AU52" s="753"/>
      <c r="AV52" s="753"/>
      <c r="AW52" s="753"/>
      <c r="AX52" s="753"/>
      <c r="AY52" s="753"/>
      <c r="AZ52" s="753"/>
      <c r="BA52" s="753"/>
      <c r="BB52" s="753"/>
      <c r="BC52" s="753"/>
      <c r="BD52" s="753"/>
      <c r="BE52" s="753"/>
      <c r="BF52" s="753"/>
      <c r="BG52" s="753"/>
      <c r="BH52" s="753"/>
      <c r="BI52" s="509"/>
    </row>
    <row r="53" spans="1:61" ht="13.5" customHeight="1">
      <c r="A53" s="747"/>
      <c r="B53" s="748"/>
      <c r="C53" s="748"/>
      <c r="D53" s="748"/>
      <c r="E53" s="748"/>
      <c r="F53" s="748"/>
      <c r="G53" s="749"/>
      <c r="H53" s="492"/>
      <c r="I53" s="493" t="s">
        <v>157</v>
      </c>
      <c r="J53" s="493"/>
      <c r="K53" s="493"/>
      <c r="L53" s="493"/>
      <c r="M53" s="493"/>
      <c r="N53" s="493"/>
      <c r="O53" s="493"/>
      <c r="P53" s="493"/>
      <c r="Q53" s="493"/>
      <c r="R53" s="493"/>
      <c r="S53" s="493"/>
      <c r="T53" s="493"/>
      <c r="U53" s="493"/>
      <c r="V53" s="493"/>
      <c r="W53" s="493"/>
      <c r="X53" s="492"/>
      <c r="Y53" s="753" t="s">
        <v>158</v>
      </c>
      <c r="Z53" s="753"/>
      <c r="AA53" s="753"/>
      <c r="AB53" s="753"/>
      <c r="AC53" s="753"/>
      <c r="AD53" s="753"/>
      <c r="AE53" s="753"/>
      <c r="AF53" s="753"/>
      <c r="AG53" s="753"/>
      <c r="AH53" s="753"/>
      <c r="AI53" s="753"/>
      <c r="AJ53" s="753"/>
      <c r="AK53" s="753"/>
      <c r="AL53" s="753"/>
      <c r="AM53" s="753"/>
      <c r="AN53" s="753"/>
      <c r="AO53" s="753"/>
      <c r="AP53" s="753"/>
      <c r="AQ53" s="753"/>
      <c r="AR53" s="753"/>
      <c r="AS53" s="753"/>
      <c r="AT53" s="753"/>
      <c r="AU53" s="753"/>
      <c r="AV53" s="753"/>
      <c r="AW53" s="753"/>
      <c r="AX53" s="753"/>
      <c r="AY53" s="753"/>
      <c r="AZ53" s="753"/>
      <c r="BA53" s="753"/>
      <c r="BB53" s="753"/>
      <c r="BC53" s="753"/>
      <c r="BD53" s="753"/>
      <c r="BE53" s="753"/>
      <c r="BF53" s="753"/>
      <c r="BG53" s="753"/>
      <c r="BH53" s="753"/>
      <c r="BI53" s="509"/>
    </row>
    <row r="54" spans="1:61" ht="13.5" customHeight="1">
      <c r="A54" s="747"/>
      <c r="B54" s="748"/>
      <c r="C54" s="748"/>
      <c r="D54" s="748"/>
      <c r="E54" s="748"/>
      <c r="F54" s="748"/>
      <c r="G54" s="749"/>
      <c r="H54" s="492"/>
      <c r="I54" s="493"/>
      <c r="J54" s="493"/>
      <c r="K54" s="493"/>
      <c r="L54" s="493"/>
      <c r="M54" s="493"/>
      <c r="N54" s="493"/>
      <c r="O54" s="493"/>
      <c r="P54" s="493"/>
      <c r="Q54" s="493"/>
      <c r="R54" s="493"/>
      <c r="S54" s="493"/>
      <c r="T54" s="493"/>
      <c r="U54" s="493"/>
      <c r="V54" s="493"/>
      <c r="W54" s="493"/>
      <c r="X54" s="492"/>
      <c r="Y54" s="753" t="s">
        <v>159</v>
      </c>
      <c r="Z54" s="753"/>
      <c r="AA54" s="753"/>
      <c r="AB54" s="753"/>
      <c r="AC54" s="753"/>
      <c r="AD54" s="753"/>
      <c r="AE54" s="753"/>
      <c r="AF54" s="753"/>
      <c r="AG54" s="753"/>
      <c r="AH54" s="753"/>
      <c r="AI54" s="753"/>
      <c r="AJ54" s="753"/>
      <c r="AK54" s="753"/>
      <c r="AL54" s="753"/>
      <c r="AM54" s="753"/>
      <c r="AN54" s="753"/>
      <c r="AO54" s="753"/>
      <c r="AP54" s="753"/>
      <c r="AQ54" s="753"/>
      <c r="AR54" s="753"/>
      <c r="AS54" s="753"/>
      <c r="AT54" s="753"/>
      <c r="AU54" s="753"/>
      <c r="AV54" s="753"/>
      <c r="AW54" s="753"/>
      <c r="AX54" s="753"/>
      <c r="AY54" s="753"/>
      <c r="AZ54" s="753"/>
      <c r="BA54" s="753"/>
      <c r="BB54" s="753"/>
      <c r="BC54" s="753"/>
      <c r="BD54" s="753"/>
      <c r="BE54" s="753"/>
      <c r="BF54" s="753"/>
      <c r="BG54" s="753"/>
      <c r="BH54" s="753"/>
      <c r="BI54" s="509"/>
    </row>
    <row r="55" spans="1:61" ht="13.5" customHeight="1">
      <c r="A55" s="747"/>
      <c r="B55" s="748"/>
      <c r="C55" s="748"/>
      <c r="D55" s="748"/>
      <c r="E55" s="748"/>
      <c r="F55" s="748"/>
      <c r="G55" s="749"/>
      <c r="H55" s="492"/>
      <c r="I55" s="493"/>
      <c r="J55" s="493"/>
      <c r="K55" s="493"/>
      <c r="L55" s="493"/>
      <c r="M55" s="493"/>
      <c r="N55" s="493"/>
      <c r="O55" s="493"/>
      <c r="P55" s="493"/>
      <c r="Q55" s="493"/>
      <c r="R55" s="493"/>
      <c r="S55" s="493"/>
      <c r="T55" s="493"/>
      <c r="U55" s="493"/>
      <c r="V55" s="493"/>
      <c r="W55" s="493"/>
      <c r="X55" s="492"/>
      <c r="Y55" s="753" t="s">
        <v>160</v>
      </c>
      <c r="Z55" s="753"/>
      <c r="AA55" s="753"/>
      <c r="AB55" s="753"/>
      <c r="AC55" s="753"/>
      <c r="AD55" s="753"/>
      <c r="AE55" s="753"/>
      <c r="AF55" s="753"/>
      <c r="AG55" s="753"/>
      <c r="AH55" s="753" t="s">
        <v>161</v>
      </c>
      <c r="AI55" s="753"/>
      <c r="AJ55" s="753"/>
      <c r="AK55" s="753"/>
      <c r="AL55" s="753" t="s">
        <v>162</v>
      </c>
      <c r="AM55" s="753"/>
      <c r="AN55" s="753"/>
      <c r="AO55" s="753"/>
      <c r="AP55" s="753" t="s">
        <v>163</v>
      </c>
      <c r="AQ55" s="753"/>
      <c r="AR55" s="753"/>
      <c r="AS55" s="753"/>
      <c r="AT55" s="753" t="s">
        <v>164</v>
      </c>
      <c r="AU55" s="753"/>
      <c r="AV55" s="753"/>
      <c r="AW55" s="753"/>
      <c r="AX55" s="753" t="s">
        <v>464</v>
      </c>
      <c r="AY55" s="753"/>
      <c r="AZ55" s="753"/>
      <c r="BA55" s="753"/>
      <c r="BB55" s="753" t="s">
        <v>104</v>
      </c>
      <c r="BC55" s="753"/>
      <c r="BD55" s="753"/>
      <c r="BE55" s="753" t="s">
        <v>465</v>
      </c>
      <c r="BF55" s="968"/>
      <c r="BG55" s="968"/>
      <c r="BH55" s="968"/>
      <c r="BI55" s="509" t="s">
        <v>151</v>
      </c>
    </row>
    <row r="56" spans="1:61" ht="13.5" customHeight="1">
      <c r="A56" s="747"/>
      <c r="B56" s="748"/>
      <c r="C56" s="748"/>
      <c r="D56" s="748"/>
      <c r="E56" s="748"/>
      <c r="F56" s="748"/>
      <c r="G56" s="749"/>
      <c r="H56" s="492"/>
      <c r="I56" s="493"/>
      <c r="J56" s="493"/>
      <c r="K56" s="493"/>
      <c r="L56" s="493"/>
      <c r="M56" s="493"/>
      <c r="N56" s="493"/>
      <c r="O56" s="493"/>
      <c r="P56" s="493"/>
      <c r="Q56" s="493"/>
      <c r="R56" s="493"/>
      <c r="S56" s="493"/>
      <c r="T56" s="493"/>
      <c r="U56" s="493"/>
      <c r="V56" s="493"/>
      <c r="W56" s="493"/>
      <c r="X56" s="492"/>
      <c r="Y56" s="753" t="s">
        <v>165</v>
      </c>
      <c r="Z56" s="753"/>
      <c r="AA56" s="753"/>
      <c r="AB56" s="753"/>
      <c r="AC56" s="753"/>
      <c r="AD56" s="753"/>
      <c r="AE56" s="753"/>
      <c r="AF56" s="753" t="s">
        <v>455</v>
      </c>
      <c r="AG56" s="968"/>
      <c r="AH56" s="968"/>
      <c r="AI56" s="968"/>
      <c r="AJ56" s="968"/>
      <c r="AK56" s="968"/>
      <c r="AL56" s="968"/>
      <c r="AM56" s="968"/>
      <c r="AN56" s="968"/>
      <c r="AO56" s="968"/>
      <c r="AP56" s="968"/>
      <c r="AQ56" s="968"/>
      <c r="AR56" s="968"/>
      <c r="AS56" s="968"/>
      <c r="AT56" s="968"/>
      <c r="AU56" s="968"/>
      <c r="AV56" s="968"/>
      <c r="AW56" s="968"/>
      <c r="AX56" s="968"/>
      <c r="AY56" s="968"/>
      <c r="AZ56" s="968"/>
      <c r="BA56" s="968"/>
      <c r="BB56" s="968"/>
      <c r="BC56" s="968"/>
      <c r="BD56" s="968"/>
      <c r="BE56" s="968"/>
      <c r="BF56" s="968"/>
      <c r="BG56" s="968"/>
      <c r="BH56" s="968"/>
      <c r="BI56" s="509" t="s">
        <v>466</v>
      </c>
    </row>
    <row r="57" spans="1:61" ht="13.5" customHeight="1">
      <c r="A57" s="747"/>
      <c r="B57" s="748"/>
      <c r="C57" s="748"/>
      <c r="D57" s="748"/>
      <c r="E57" s="748"/>
      <c r="F57" s="748"/>
      <c r="G57" s="749"/>
      <c r="H57" s="492"/>
      <c r="I57" s="493"/>
      <c r="J57" s="493"/>
      <c r="K57" s="493"/>
      <c r="L57" s="493"/>
      <c r="M57" s="493"/>
      <c r="N57" s="493"/>
      <c r="O57" s="493"/>
      <c r="P57" s="493"/>
      <c r="Q57" s="493"/>
      <c r="R57" s="493"/>
      <c r="S57" s="493"/>
      <c r="T57" s="493"/>
      <c r="U57" s="493"/>
      <c r="V57" s="493"/>
      <c r="W57" s="493"/>
      <c r="X57" s="492"/>
      <c r="Y57" s="753" t="s">
        <v>166</v>
      </c>
      <c r="Z57" s="753"/>
      <c r="AA57" s="753"/>
      <c r="AB57" s="753"/>
      <c r="AC57" s="753"/>
      <c r="AD57" s="753"/>
      <c r="AE57" s="753"/>
      <c r="AF57" s="753" t="s">
        <v>467</v>
      </c>
      <c r="AG57" s="968"/>
      <c r="AH57" s="968"/>
      <c r="AI57" s="968"/>
      <c r="AJ57" s="968"/>
      <c r="AK57" s="968"/>
      <c r="AL57" s="968"/>
      <c r="AM57" s="968"/>
      <c r="AN57" s="968"/>
      <c r="AO57" s="968"/>
      <c r="AP57" s="968"/>
      <c r="AQ57" s="968"/>
      <c r="AR57" s="968"/>
      <c r="AS57" s="968"/>
      <c r="AT57" s="968"/>
      <c r="AU57" s="968"/>
      <c r="AV57" s="968"/>
      <c r="AW57" s="968"/>
      <c r="AX57" s="968"/>
      <c r="AY57" s="968"/>
      <c r="AZ57" s="968"/>
      <c r="BA57" s="968"/>
      <c r="BB57" s="968"/>
      <c r="BC57" s="968"/>
      <c r="BD57" s="968"/>
      <c r="BE57" s="968"/>
      <c r="BF57" s="968"/>
      <c r="BG57" s="968"/>
      <c r="BH57" s="968"/>
      <c r="BI57" s="509" t="s">
        <v>466</v>
      </c>
    </row>
    <row r="58" spans="1:61" ht="13.5" customHeight="1">
      <c r="A58" s="747"/>
      <c r="B58" s="748"/>
      <c r="C58" s="748"/>
      <c r="D58" s="748"/>
      <c r="E58" s="748"/>
      <c r="F58" s="748"/>
      <c r="G58" s="749"/>
      <c r="H58" s="492"/>
      <c r="I58" s="966" t="s">
        <v>468</v>
      </c>
      <c r="J58" s="966"/>
      <c r="K58" s="966"/>
      <c r="L58" s="966"/>
      <c r="M58" s="966"/>
      <c r="N58" s="966"/>
      <c r="O58" s="966"/>
      <c r="P58" s="966"/>
      <c r="Q58" s="966"/>
      <c r="R58" s="966"/>
      <c r="S58" s="966"/>
      <c r="T58" s="966"/>
      <c r="U58" s="966"/>
      <c r="V58" s="966"/>
      <c r="W58" s="967"/>
      <c r="X58" s="492"/>
      <c r="Y58" s="753" t="s">
        <v>167</v>
      </c>
      <c r="Z58" s="753"/>
      <c r="AA58" s="753"/>
      <c r="AB58" s="753"/>
      <c r="AC58" s="753"/>
      <c r="AD58" s="753"/>
      <c r="AE58" s="753"/>
      <c r="AF58" s="753"/>
      <c r="AG58" s="753"/>
      <c r="AH58" s="753"/>
      <c r="AI58" s="753"/>
      <c r="AJ58" s="753"/>
      <c r="AK58" s="753"/>
      <c r="AL58" s="753"/>
      <c r="AM58" s="753"/>
      <c r="AN58" s="753"/>
      <c r="AO58" s="753"/>
      <c r="AP58" s="753"/>
      <c r="AQ58" s="753"/>
      <c r="AR58" s="753"/>
      <c r="AS58" s="753"/>
      <c r="AT58" s="753"/>
      <c r="AU58" s="753"/>
      <c r="AV58" s="753"/>
      <c r="AW58" s="753"/>
      <c r="AX58" s="753"/>
      <c r="AY58" s="753"/>
      <c r="AZ58" s="753"/>
      <c r="BA58" s="753"/>
      <c r="BB58" s="753"/>
      <c r="BC58" s="753"/>
      <c r="BD58" s="753"/>
      <c r="BE58" s="753"/>
      <c r="BF58" s="753"/>
      <c r="BG58" s="753"/>
      <c r="BH58" s="753"/>
      <c r="BI58" s="509"/>
    </row>
    <row r="59" spans="1:61" ht="13.5" customHeight="1">
      <c r="A59" s="747"/>
      <c r="B59" s="748"/>
      <c r="C59" s="748"/>
      <c r="D59" s="748"/>
      <c r="E59" s="748"/>
      <c r="F59" s="748"/>
      <c r="G59" s="749"/>
      <c r="H59" s="492"/>
      <c r="I59" s="966"/>
      <c r="J59" s="966"/>
      <c r="K59" s="966"/>
      <c r="L59" s="966"/>
      <c r="M59" s="966"/>
      <c r="N59" s="966"/>
      <c r="O59" s="966"/>
      <c r="P59" s="966"/>
      <c r="Q59" s="966"/>
      <c r="R59" s="966"/>
      <c r="S59" s="966"/>
      <c r="T59" s="966"/>
      <c r="U59" s="966"/>
      <c r="V59" s="966"/>
      <c r="W59" s="967"/>
      <c r="X59" s="492"/>
      <c r="Y59" s="753"/>
      <c r="Z59" s="753" t="s">
        <v>148</v>
      </c>
      <c r="AA59" s="753"/>
      <c r="AB59" s="753"/>
      <c r="AC59" s="753"/>
      <c r="AD59" s="753"/>
      <c r="AE59" s="753"/>
      <c r="AF59" s="753" t="s">
        <v>104</v>
      </c>
      <c r="AG59" s="753"/>
      <c r="AH59" s="753"/>
      <c r="AI59" s="753" t="s">
        <v>465</v>
      </c>
      <c r="AJ59" s="968"/>
      <c r="AK59" s="968"/>
      <c r="AL59" s="968"/>
      <c r="AM59" s="968"/>
      <c r="AN59" s="968"/>
      <c r="AO59" s="968"/>
      <c r="AP59" s="968"/>
      <c r="AQ59" s="968"/>
      <c r="AR59" s="968"/>
      <c r="AS59" s="968"/>
      <c r="AT59" s="968"/>
      <c r="AU59" s="968"/>
      <c r="AV59" s="968"/>
      <c r="AW59" s="968"/>
      <c r="AX59" s="968"/>
      <c r="AY59" s="968"/>
      <c r="AZ59" s="968"/>
      <c r="BA59" s="968"/>
      <c r="BB59" s="968"/>
      <c r="BC59" s="968"/>
      <c r="BD59" s="753" t="s">
        <v>466</v>
      </c>
      <c r="BE59" s="753"/>
      <c r="BF59" s="753" t="s">
        <v>107</v>
      </c>
      <c r="BG59" s="753"/>
      <c r="BH59" s="753"/>
      <c r="BI59" s="509"/>
    </row>
    <row r="60" spans="1:61" ht="13.5" customHeight="1">
      <c r="A60" s="747"/>
      <c r="B60" s="748"/>
      <c r="C60" s="748"/>
      <c r="D60" s="748"/>
      <c r="E60" s="748"/>
      <c r="F60" s="748"/>
      <c r="G60" s="749"/>
      <c r="H60" s="492"/>
      <c r="I60" s="493"/>
      <c r="J60" s="493"/>
      <c r="K60" s="493"/>
      <c r="L60" s="493"/>
      <c r="M60" s="493"/>
      <c r="N60" s="493"/>
      <c r="O60" s="493"/>
      <c r="P60" s="493"/>
      <c r="Q60" s="493"/>
      <c r="R60" s="493"/>
      <c r="S60" s="493"/>
      <c r="T60" s="493"/>
      <c r="U60" s="493"/>
      <c r="V60" s="493"/>
      <c r="W60" s="493"/>
      <c r="X60" s="492"/>
      <c r="Y60" s="753" t="s">
        <v>168</v>
      </c>
      <c r="Z60" s="753"/>
      <c r="AA60" s="753"/>
      <c r="AB60" s="753"/>
      <c r="AC60" s="753"/>
      <c r="AD60" s="753"/>
      <c r="AE60" s="753"/>
      <c r="AF60" s="753"/>
      <c r="AG60" s="753"/>
      <c r="AH60" s="753"/>
      <c r="AI60" s="753"/>
      <c r="AJ60" s="753"/>
      <c r="AK60" s="753"/>
      <c r="AL60" s="753"/>
      <c r="AM60" s="753"/>
      <c r="AN60" s="753"/>
      <c r="AO60" s="753"/>
      <c r="AP60" s="753"/>
      <c r="AQ60" s="753"/>
      <c r="AR60" s="753"/>
      <c r="AS60" s="753"/>
      <c r="AT60" s="753"/>
      <c r="AU60" s="753"/>
      <c r="AV60" s="753"/>
      <c r="AW60" s="753"/>
      <c r="AX60" s="753"/>
      <c r="AY60" s="753"/>
      <c r="AZ60" s="753"/>
      <c r="BA60" s="753"/>
      <c r="BB60" s="753"/>
      <c r="BC60" s="753"/>
      <c r="BD60" s="753"/>
      <c r="BE60" s="753"/>
      <c r="BF60" s="753"/>
      <c r="BG60" s="753"/>
      <c r="BH60" s="753"/>
      <c r="BI60" s="509"/>
    </row>
    <row r="61" spans="1:61" ht="13.5" customHeight="1">
      <c r="A61" s="747"/>
      <c r="B61" s="748"/>
      <c r="C61" s="748"/>
      <c r="D61" s="748"/>
      <c r="E61" s="748"/>
      <c r="F61" s="748"/>
      <c r="G61" s="749"/>
      <c r="H61" s="492"/>
      <c r="I61" s="493"/>
      <c r="J61" s="493"/>
      <c r="K61" s="493"/>
      <c r="L61" s="493"/>
      <c r="M61" s="493"/>
      <c r="N61" s="493"/>
      <c r="O61" s="493"/>
      <c r="P61" s="493"/>
      <c r="Q61" s="493"/>
      <c r="R61" s="493"/>
      <c r="S61" s="493"/>
      <c r="T61" s="493"/>
      <c r="U61" s="493"/>
      <c r="V61" s="493"/>
      <c r="W61" s="493"/>
      <c r="X61" s="492"/>
      <c r="Y61" s="753"/>
      <c r="Z61" s="753" t="s">
        <v>148</v>
      </c>
      <c r="AA61" s="753"/>
      <c r="AB61" s="753"/>
      <c r="AC61" s="753"/>
      <c r="AD61" s="753"/>
      <c r="AE61" s="753"/>
      <c r="AF61" s="753" t="s">
        <v>104</v>
      </c>
      <c r="AG61" s="753"/>
      <c r="AH61" s="753"/>
      <c r="AI61" s="753" t="s">
        <v>463</v>
      </c>
      <c r="AJ61" s="968"/>
      <c r="AK61" s="968"/>
      <c r="AL61" s="968"/>
      <c r="AM61" s="968"/>
      <c r="AN61" s="968"/>
      <c r="AO61" s="968"/>
      <c r="AP61" s="968"/>
      <c r="AQ61" s="968"/>
      <c r="AR61" s="968"/>
      <c r="AS61" s="968"/>
      <c r="AT61" s="968"/>
      <c r="AU61" s="968"/>
      <c r="AV61" s="968"/>
      <c r="AW61" s="968"/>
      <c r="AX61" s="968"/>
      <c r="AY61" s="968"/>
      <c r="AZ61" s="968"/>
      <c r="BA61" s="968"/>
      <c r="BB61" s="968"/>
      <c r="BC61" s="968"/>
      <c r="BD61" s="753" t="s">
        <v>452</v>
      </c>
      <c r="BE61" s="753"/>
      <c r="BF61" s="753" t="s">
        <v>107</v>
      </c>
      <c r="BG61" s="753"/>
      <c r="BH61" s="753"/>
      <c r="BI61" s="509"/>
    </row>
    <row r="62" spans="1:61" ht="13.5" customHeight="1">
      <c r="A62" s="747"/>
      <c r="B62" s="748"/>
      <c r="C62" s="748"/>
      <c r="D62" s="748"/>
      <c r="E62" s="748"/>
      <c r="F62" s="748"/>
      <c r="G62" s="749"/>
      <c r="H62" s="492"/>
      <c r="I62" s="493" t="s">
        <v>169</v>
      </c>
      <c r="J62" s="493"/>
      <c r="K62" s="493"/>
      <c r="L62" s="493"/>
      <c r="M62" s="493"/>
      <c r="N62" s="493"/>
      <c r="O62" s="493"/>
      <c r="P62" s="493"/>
      <c r="Q62" s="493"/>
      <c r="R62" s="493"/>
      <c r="S62" s="493"/>
      <c r="T62" s="493"/>
      <c r="U62" s="493"/>
      <c r="V62" s="493"/>
      <c r="W62" s="493"/>
      <c r="X62" s="492"/>
      <c r="Y62" s="753" t="s">
        <v>170</v>
      </c>
      <c r="Z62" s="753"/>
      <c r="AA62" s="753"/>
      <c r="AB62" s="753"/>
      <c r="AC62" s="753"/>
      <c r="AD62" s="753"/>
      <c r="AE62" s="753"/>
      <c r="AF62" s="753"/>
      <c r="AG62" s="753"/>
      <c r="AH62" s="753"/>
      <c r="AI62" s="753" t="s">
        <v>465</v>
      </c>
      <c r="AJ62" s="968"/>
      <c r="AK62" s="968"/>
      <c r="AL62" s="968"/>
      <c r="AM62" s="968"/>
      <c r="AN62" s="968"/>
      <c r="AO62" s="968"/>
      <c r="AP62" s="968"/>
      <c r="AQ62" s="968"/>
      <c r="AR62" s="968"/>
      <c r="AS62" s="968"/>
      <c r="AT62" s="968"/>
      <c r="AU62" s="968"/>
      <c r="AV62" s="968"/>
      <c r="AW62" s="968"/>
      <c r="AX62" s="968"/>
      <c r="AY62" s="968"/>
      <c r="AZ62" s="968"/>
      <c r="BA62" s="968"/>
      <c r="BB62" s="968"/>
      <c r="BC62" s="968"/>
      <c r="BD62" s="968"/>
      <c r="BE62" s="968"/>
      <c r="BF62" s="968"/>
      <c r="BG62" s="968"/>
      <c r="BH62" s="968"/>
      <c r="BI62" s="509" t="s">
        <v>151</v>
      </c>
    </row>
    <row r="63" spans="1:61" ht="13.5" customHeight="1">
      <c r="A63" s="747"/>
      <c r="B63" s="748"/>
      <c r="C63" s="748"/>
      <c r="D63" s="748"/>
      <c r="E63" s="748"/>
      <c r="F63" s="748"/>
      <c r="G63" s="749"/>
      <c r="H63" s="492"/>
      <c r="I63" s="493"/>
      <c r="J63" s="493"/>
      <c r="K63" s="493"/>
      <c r="L63" s="493"/>
      <c r="M63" s="493"/>
      <c r="N63" s="493"/>
      <c r="O63" s="493"/>
      <c r="P63" s="493"/>
      <c r="Q63" s="493"/>
      <c r="R63" s="493"/>
      <c r="S63" s="493"/>
      <c r="T63" s="493"/>
      <c r="U63" s="493"/>
      <c r="V63" s="493"/>
      <c r="W63" s="493"/>
      <c r="X63" s="492"/>
      <c r="Y63" s="753" t="s">
        <v>171</v>
      </c>
      <c r="Z63" s="753"/>
      <c r="AA63" s="753"/>
      <c r="AB63" s="753"/>
      <c r="AC63" s="753"/>
      <c r="AD63" s="753"/>
      <c r="AE63" s="753"/>
      <c r="AF63" s="753"/>
      <c r="AG63" s="753"/>
      <c r="AH63" s="753"/>
      <c r="AI63" s="753" t="s">
        <v>465</v>
      </c>
      <c r="AJ63" s="968"/>
      <c r="AK63" s="968"/>
      <c r="AL63" s="968"/>
      <c r="AM63" s="968"/>
      <c r="AN63" s="968"/>
      <c r="AO63" s="968"/>
      <c r="AP63" s="968"/>
      <c r="AQ63" s="968"/>
      <c r="AR63" s="968"/>
      <c r="AS63" s="968"/>
      <c r="AT63" s="968"/>
      <c r="AU63" s="968"/>
      <c r="AV63" s="968"/>
      <c r="AW63" s="968"/>
      <c r="AX63" s="968"/>
      <c r="AY63" s="968"/>
      <c r="AZ63" s="968"/>
      <c r="BA63" s="968"/>
      <c r="BB63" s="968"/>
      <c r="BC63" s="968"/>
      <c r="BD63" s="968"/>
      <c r="BE63" s="968"/>
      <c r="BF63" s="968"/>
      <c r="BG63" s="968"/>
      <c r="BH63" s="968"/>
      <c r="BI63" s="509" t="s">
        <v>469</v>
      </c>
    </row>
    <row r="64" spans="1:61" ht="13.5" customHeight="1">
      <c r="A64" s="747"/>
      <c r="B64" s="748"/>
      <c r="C64" s="748"/>
      <c r="D64" s="748"/>
      <c r="E64" s="748"/>
      <c r="F64" s="748"/>
      <c r="G64" s="749"/>
      <c r="H64" s="492"/>
      <c r="I64" s="493" t="s">
        <v>104</v>
      </c>
      <c r="J64" s="493"/>
      <c r="K64" s="493"/>
      <c r="L64" s="493" t="s">
        <v>467</v>
      </c>
      <c r="M64" s="968"/>
      <c r="N64" s="968"/>
      <c r="O64" s="968"/>
      <c r="P64" s="968"/>
      <c r="Q64" s="968"/>
      <c r="R64" s="968"/>
      <c r="S64" s="968"/>
      <c r="T64" s="968"/>
      <c r="U64" s="968"/>
      <c r="V64" s="968"/>
      <c r="W64" s="493" t="s">
        <v>466</v>
      </c>
      <c r="X64" s="492"/>
      <c r="Y64" s="753" t="s">
        <v>104</v>
      </c>
      <c r="Z64" s="753"/>
      <c r="AA64" s="753"/>
      <c r="AB64" s="753" t="s">
        <v>461</v>
      </c>
      <c r="AC64" s="968"/>
      <c r="AD64" s="968"/>
      <c r="AE64" s="968"/>
      <c r="AF64" s="968"/>
      <c r="AG64" s="968"/>
      <c r="AH64" s="968"/>
      <c r="AI64" s="968"/>
      <c r="AJ64" s="968"/>
      <c r="AK64" s="968"/>
      <c r="AL64" s="968"/>
      <c r="AM64" s="968"/>
      <c r="AN64" s="968"/>
      <c r="AO64" s="968"/>
      <c r="AP64" s="968"/>
      <c r="AQ64" s="968"/>
      <c r="AR64" s="968"/>
      <c r="AS64" s="968"/>
      <c r="AT64" s="968"/>
      <c r="AU64" s="968"/>
      <c r="AV64" s="968"/>
      <c r="AW64" s="968"/>
      <c r="AX64" s="968"/>
      <c r="AY64" s="968"/>
      <c r="AZ64" s="968"/>
      <c r="BA64" s="968"/>
      <c r="BB64" s="968"/>
      <c r="BC64" s="968"/>
      <c r="BD64" s="968"/>
      <c r="BE64" s="968"/>
      <c r="BF64" s="968"/>
      <c r="BG64" s="968"/>
      <c r="BH64" s="968"/>
      <c r="BI64" s="509" t="s">
        <v>469</v>
      </c>
    </row>
    <row r="65" spans="1:61" ht="13.5" customHeight="1">
      <c r="A65" s="498"/>
      <c r="B65" s="499"/>
      <c r="C65" s="499"/>
      <c r="D65" s="499"/>
      <c r="E65" s="499"/>
      <c r="F65" s="499"/>
      <c r="G65" s="500"/>
      <c r="H65" s="501"/>
      <c r="I65" s="502"/>
      <c r="J65" s="502"/>
      <c r="K65" s="502"/>
      <c r="L65" s="502"/>
      <c r="M65" s="502"/>
      <c r="N65" s="502"/>
      <c r="O65" s="502"/>
      <c r="P65" s="502"/>
      <c r="Q65" s="502"/>
      <c r="R65" s="502"/>
      <c r="S65" s="502"/>
      <c r="T65" s="502"/>
      <c r="U65" s="502"/>
      <c r="V65" s="502"/>
      <c r="W65" s="502"/>
      <c r="X65" s="501"/>
      <c r="Y65" s="512"/>
      <c r="Z65" s="512"/>
      <c r="AA65" s="512"/>
      <c r="AB65" s="512"/>
      <c r="AC65" s="512"/>
      <c r="AD65" s="512"/>
      <c r="AE65" s="512"/>
      <c r="AF65" s="512"/>
      <c r="AG65" s="512"/>
      <c r="AH65" s="512"/>
      <c r="AI65" s="512"/>
      <c r="AJ65" s="512"/>
      <c r="AK65" s="512"/>
      <c r="AL65" s="512"/>
      <c r="AM65" s="512"/>
      <c r="AN65" s="512"/>
      <c r="AO65" s="512"/>
      <c r="AP65" s="512"/>
      <c r="AQ65" s="512"/>
      <c r="AR65" s="512"/>
      <c r="AS65" s="512"/>
      <c r="AT65" s="512"/>
      <c r="AU65" s="512"/>
      <c r="AV65" s="512"/>
      <c r="AW65" s="512"/>
      <c r="AX65" s="512"/>
      <c r="AY65" s="512"/>
      <c r="AZ65" s="512"/>
      <c r="BA65" s="512"/>
      <c r="BB65" s="512"/>
      <c r="BC65" s="512"/>
      <c r="BD65" s="512"/>
      <c r="BE65" s="512"/>
      <c r="BF65" s="512"/>
      <c r="BG65" s="512"/>
      <c r="BH65" s="512"/>
      <c r="BI65" s="513"/>
    </row>
    <row r="66" spans="1:61" ht="13.5" customHeight="1">
      <c r="A66" s="973" t="s">
        <v>470</v>
      </c>
      <c r="B66" s="974"/>
      <c r="C66" s="974"/>
      <c r="D66" s="974"/>
      <c r="E66" s="974"/>
      <c r="F66" s="974"/>
      <c r="G66" s="975"/>
      <c r="H66" s="489"/>
      <c r="I66" s="490" t="s">
        <v>172</v>
      </c>
      <c r="J66" s="490"/>
      <c r="K66" s="490"/>
      <c r="L66" s="490"/>
      <c r="M66" s="490"/>
      <c r="N66" s="490"/>
      <c r="O66" s="490"/>
      <c r="P66" s="490"/>
      <c r="Q66" s="490"/>
      <c r="R66" s="490"/>
      <c r="S66" s="490"/>
      <c r="T66" s="490"/>
      <c r="U66" s="490"/>
      <c r="V66" s="490"/>
      <c r="W66" s="490"/>
      <c r="X66" s="489"/>
      <c r="Y66" s="746" t="s">
        <v>173</v>
      </c>
      <c r="Z66" s="746"/>
      <c r="AA66" s="746"/>
      <c r="AB66" s="746"/>
      <c r="AC66" s="746"/>
      <c r="AD66" s="746"/>
      <c r="AE66" s="746"/>
      <c r="AF66" s="746"/>
      <c r="AG66" s="746"/>
      <c r="AH66" s="746"/>
      <c r="AI66" s="746"/>
      <c r="AJ66" s="746"/>
      <c r="AK66" s="746"/>
      <c r="AL66" s="746"/>
      <c r="AM66" s="746"/>
      <c r="AN66" s="746"/>
      <c r="AO66" s="746"/>
      <c r="AP66" s="746"/>
      <c r="AQ66" s="746"/>
      <c r="AR66" s="746"/>
      <c r="AS66" s="746"/>
      <c r="AT66" s="746"/>
      <c r="AU66" s="746"/>
      <c r="AV66" s="746"/>
      <c r="AW66" s="746"/>
      <c r="AX66" s="746"/>
      <c r="AY66" s="746"/>
      <c r="AZ66" s="746"/>
      <c r="BA66" s="746"/>
      <c r="BB66" s="746"/>
      <c r="BC66" s="746"/>
      <c r="BD66" s="746"/>
      <c r="BE66" s="746"/>
      <c r="BF66" s="746"/>
      <c r="BG66" s="746"/>
      <c r="BH66" s="746"/>
      <c r="BI66" s="506"/>
    </row>
    <row r="67" spans="1:61" ht="13.5" customHeight="1">
      <c r="A67" s="747"/>
      <c r="B67" s="748"/>
      <c r="C67" s="748"/>
      <c r="D67" s="748"/>
      <c r="E67" s="748"/>
      <c r="F67" s="748"/>
      <c r="G67" s="749"/>
      <c r="H67" s="492"/>
      <c r="I67" s="493"/>
      <c r="J67" s="493"/>
      <c r="K67" s="493"/>
      <c r="L67" s="493"/>
      <c r="M67" s="493"/>
      <c r="N67" s="493"/>
      <c r="O67" s="493"/>
      <c r="P67" s="493"/>
      <c r="Q67" s="493"/>
      <c r="R67" s="493"/>
      <c r="S67" s="493"/>
      <c r="T67" s="493"/>
      <c r="U67" s="493"/>
      <c r="V67" s="493"/>
      <c r="W67" s="493"/>
      <c r="X67" s="492"/>
      <c r="Y67" s="753"/>
      <c r="Z67" s="753" t="s">
        <v>174</v>
      </c>
      <c r="AA67" s="753"/>
      <c r="AB67" s="753"/>
      <c r="AC67" s="753"/>
      <c r="AD67" s="753"/>
      <c r="AE67" s="753"/>
      <c r="AF67" s="753" t="s">
        <v>104</v>
      </c>
      <c r="AG67" s="753"/>
      <c r="AH67" s="753"/>
      <c r="AI67" s="753" t="s">
        <v>105</v>
      </c>
      <c r="AJ67" s="968"/>
      <c r="AK67" s="968"/>
      <c r="AL67" s="968"/>
      <c r="AM67" s="968"/>
      <c r="AN67" s="968"/>
      <c r="AO67" s="968"/>
      <c r="AP67" s="968"/>
      <c r="AQ67" s="968"/>
      <c r="AR67" s="968"/>
      <c r="AS67" s="976"/>
      <c r="AT67" s="976"/>
      <c r="AU67" s="976"/>
      <c r="AV67" s="976"/>
      <c r="AW67" s="976"/>
      <c r="AX67" s="976"/>
      <c r="AY67" s="976"/>
      <c r="AZ67" s="976"/>
      <c r="BA67" s="976"/>
      <c r="BB67" s="976"/>
      <c r="BC67" s="976"/>
      <c r="BD67" s="753" t="s">
        <v>452</v>
      </c>
      <c r="BE67" s="753"/>
      <c r="BF67" s="753" t="s">
        <v>107</v>
      </c>
      <c r="BG67" s="753"/>
      <c r="BH67" s="753"/>
      <c r="BI67" s="509"/>
    </row>
    <row r="68" spans="1:61" ht="13.5" customHeight="1">
      <c r="A68" s="747"/>
      <c r="B68" s="748"/>
      <c r="C68" s="748"/>
      <c r="D68" s="748"/>
      <c r="E68" s="748"/>
      <c r="F68" s="748"/>
      <c r="G68" s="749"/>
      <c r="H68" s="492"/>
      <c r="I68" s="493"/>
      <c r="J68" s="493"/>
      <c r="K68" s="493"/>
      <c r="L68" s="493"/>
      <c r="M68" s="493"/>
      <c r="N68" s="493"/>
      <c r="O68" s="493"/>
      <c r="P68" s="493"/>
      <c r="Q68" s="493"/>
      <c r="R68" s="493"/>
      <c r="S68" s="493"/>
      <c r="T68" s="493"/>
      <c r="U68" s="493"/>
      <c r="V68" s="493"/>
      <c r="W68" s="493"/>
      <c r="X68" s="492"/>
      <c r="Y68" s="753" t="s">
        <v>175</v>
      </c>
      <c r="Z68" s="753"/>
      <c r="AA68" s="753"/>
      <c r="AB68" s="496"/>
      <c r="AC68" s="753" t="s">
        <v>105</v>
      </c>
      <c r="AD68" s="977"/>
      <c r="AE68" s="977"/>
      <c r="AF68" s="753" t="s">
        <v>176</v>
      </c>
      <c r="AG68" s="753"/>
      <c r="AH68" s="753"/>
      <c r="AI68" s="753"/>
      <c r="AJ68" s="753"/>
      <c r="AK68" s="753"/>
      <c r="AL68" s="753"/>
      <c r="AM68" s="753"/>
      <c r="AN68" s="753"/>
      <c r="AO68" s="753"/>
      <c r="AP68" s="753"/>
      <c r="AQ68" s="753"/>
      <c r="AR68" s="753"/>
      <c r="AS68" s="753"/>
      <c r="AT68" s="753"/>
      <c r="AU68" s="753"/>
      <c r="AV68" s="753"/>
      <c r="AW68" s="753"/>
      <c r="AX68" s="753"/>
      <c r="AY68" s="753"/>
      <c r="AZ68" s="753"/>
      <c r="BA68" s="753"/>
      <c r="BB68" s="753"/>
      <c r="BC68" s="753"/>
      <c r="BD68" s="753"/>
      <c r="BE68" s="753"/>
      <c r="BF68" s="753"/>
      <c r="BG68" s="753"/>
      <c r="BH68" s="753"/>
      <c r="BI68" s="509"/>
    </row>
    <row r="69" spans="1:61" ht="13.5" customHeight="1">
      <c r="A69" s="747"/>
      <c r="B69" s="748"/>
      <c r="C69" s="748"/>
      <c r="D69" s="748"/>
      <c r="E69" s="748"/>
      <c r="F69" s="748"/>
      <c r="G69" s="749"/>
      <c r="H69" s="492"/>
      <c r="I69" s="493"/>
      <c r="J69" s="493"/>
      <c r="K69" s="493"/>
      <c r="L69" s="493"/>
      <c r="M69" s="493"/>
      <c r="N69" s="493"/>
      <c r="O69" s="493"/>
      <c r="P69" s="493"/>
      <c r="Q69" s="493"/>
      <c r="R69" s="493"/>
      <c r="S69" s="493"/>
      <c r="T69" s="493"/>
      <c r="U69" s="493"/>
      <c r="V69" s="493"/>
      <c r="W69" s="493"/>
      <c r="X69" s="492"/>
      <c r="Y69" s="753" t="s">
        <v>177</v>
      </c>
      <c r="Z69" s="753"/>
      <c r="AA69" s="753"/>
      <c r="AB69" s="753"/>
      <c r="AC69" s="745" t="s">
        <v>451</v>
      </c>
      <c r="AD69" s="977"/>
      <c r="AE69" s="977"/>
      <c r="AF69" s="977"/>
      <c r="AG69" s="977"/>
      <c r="AH69" s="977"/>
      <c r="AI69" s="977"/>
      <c r="AJ69" s="977"/>
      <c r="AK69" s="977"/>
      <c r="AL69" s="977"/>
      <c r="AM69" s="977"/>
      <c r="AN69" s="977"/>
      <c r="AO69" s="977"/>
      <c r="AP69" s="977"/>
      <c r="AQ69" s="977"/>
      <c r="AR69" s="977"/>
      <c r="AS69" s="977"/>
      <c r="AT69" s="977"/>
      <c r="AU69" s="977"/>
      <c r="AV69" s="977"/>
      <c r="AW69" s="977"/>
      <c r="AX69" s="977"/>
      <c r="AY69" s="977"/>
      <c r="AZ69" s="977"/>
      <c r="BA69" s="977"/>
      <c r="BB69" s="977"/>
      <c r="BC69" s="977"/>
      <c r="BD69" s="977"/>
      <c r="BE69" s="977"/>
      <c r="BF69" s="977"/>
      <c r="BG69" s="977"/>
      <c r="BH69" s="977"/>
      <c r="BI69" s="509" t="s">
        <v>106</v>
      </c>
    </row>
    <row r="70" spans="1:61" ht="13.5" customHeight="1">
      <c r="A70" s="747"/>
      <c r="B70" s="748"/>
      <c r="C70" s="748"/>
      <c r="D70" s="748"/>
      <c r="E70" s="748"/>
      <c r="F70" s="748"/>
      <c r="G70" s="749"/>
      <c r="H70" s="492"/>
      <c r="I70" s="493"/>
      <c r="J70" s="493"/>
      <c r="K70" s="493"/>
      <c r="L70" s="493"/>
      <c r="M70" s="493"/>
      <c r="N70" s="493"/>
      <c r="O70" s="493"/>
      <c r="P70" s="493"/>
      <c r="Q70" s="493"/>
      <c r="R70" s="493"/>
      <c r="S70" s="493"/>
      <c r="T70" s="493"/>
      <c r="U70" s="493"/>
      <c r="V70" s="493"/>
      <c r="W70" s="493"/>
      <c r="X70" s="492"/>
      <c r="Y70" s="753" t="s">
        <v>104</v>
      </c>
      <c r="Z70" s="753"/>
      <c r="AA70" s="753"/>
      <c r="AB70" s="753" t="s">
        <v>451</v>
      </c>
      <c r="AC70" s="968"/>
      <c r="AD70" s="968"/>
      <c r="AE70" s="968"/>
      <c r="AF70" s="968"/>
      <c r="AG70" s="968"/>
      <c r="AH70" s="968"/>
      <c r="AI70" s="968"/>
      <c r="AJ70" s="968"/>
      <c r="AK70" s="968"/>
      <c r="AL70" s="968"/>
      <c r="AM70" s="968"/>
      <c r="AN70" s="968"/>
      <c r="AO70" s="968"/>
      <c r="AP70" s="968"/>
      <c r="AQ70" s="968"/>
      <c r="AR70" s="968"/>
      <c r="AS70" s="968"/>
      <c r="AT70" s="968"/>
      <c r="AU70" s="968"/>
      <c r="AV70" s="968"/>
      <c r="AW70" s="968"/>
      <c r="AX70" s="968"/>
      <c r="AY70" s="968"/>
      <c r="AZ70" s="968"/>
      <c r="BA70" s="968"/>
      <c r="BB70" s="968"/>
      <c r="BC70" s="968"/>
      <c r="BD70" s="968"/>
      <c r="BE70" s="968"/>
      <c r="BF70" s="968"/>
      <c r="BG70" s="968"/>
      <c r="BH70" s="968"/>
      <c r="BI70" s="509" t="s">
        <v>466</v>
      </c>
    </row>
    <row r="71" spans="1:61" ht="13.5" customHeight="1">
      <c r="A71" s="747"/>
      <c r="B71" s="748"/>
      <c r="C71" s="748"/>
      <c r="D71" s="748"/>
      <c r="E71" s="748"/>
      <c r="F71" s="748"/>
      <c r="G71" s="749"/>
      <c r="H71" s="492"/>
      <c r="I71" s="493" t="s">
        <v>178</v>
      </c>
      <c r="J71" s="493"/>
      <c r="K71" s="493"/>
      <c r="L71" s="493"/>
      <c r="M71" s="493"/>
      <c r="N71" s="493"/>
      <c r="O71" s="493"/>
      <c r="P71" s="493"/>
      <c r="Q71" s="493"/>
      <c r="R71" s="493"/>
      <c r="S71" s="493"/>
      <c r="T71" s="493"/>
      <c r="U71" s="493"/>
      <c r="V71" s="493"/>
      <c r="W71" s="493"/>
      <c r="X71" s="492"/>
      <c r="Y71" s="753" t="s">
        <v>179</v>
      </c>
      <c r="Z71" s="753"/>
      <c r="AA71" s="753"/>
      <c r="AB71" s="753"/>
      <c r="AC71" s="753"/>
      <c r="AD71" s="753"/>
      <c r="AE71" s="753"/>
      <c r="AF71" s="753"/>
      <c r="AG71" s="753"/>
      <c r="AH71" s="753"/>
      <c r="AI71" s="753"/>
      <c r="AJ71" s="753"/>
      <c r="AK71" s="753"/>
      <c r="AL71" s="753"/>
      <c r="AM71" s="753"/>
      <c r="AN71" s="753"/>
      <c r="AO71" s="753"/>
      <c r="AP71" s="753"/>
      <c r="AQ71" s="753"/>
      <c r="AR71" s="753"/>
      <c r="AS71" s="753"/>
      <c r="AT71" s="753"/>
      <c r="AU71" s="753"/>
      <c r="AV71" s="753"/>
      <c r="AW71" s="753"/>
      <c r="AX71" s="753"/>
      <c r="AY71" s="753"/>
      <c r="AZ71" s="753"/>
      <c r="BA71" s="753"/>
      <c r="BB71" s="753"/>
      <c r="BC71" s="753"/>
      <c r="BD71" s="753"/>
      <c r="BE71" s="753"/>
      <c r="BF71" s="753"/>
      <c r="BG71" s="753"/>
      <c r="BH71" s="753"/>
      <c r="BI71" s="509"/>
    </row>
    <row r="72" spans="1:61" ht="13.5" customHeight="1">
      <c r="A72" s="747"/>
      <c r="B72" s="748"/>
      <c r="C72" s="748"/>
      <c r="D72" s="748"/>
      <c r="E72" s="748"/>
      <c r="F72" s="748"/>
      <c r="G72" s="749"/>
      <c r="H72" s="492"/>
      <c r="I72" s="493"/>
      <c r="J72" s="493"/>
      <c r="K72" s="493"/>
      <c r="L72" s="493"/>
      <c r="M72" s="493"/>
      <c r="N72" s="493"/>
      <c r="O72" s="493"/>
      <c r="P72" s="493"/>
      <c r="Q72" s="493"/>
      <c r="R72" s="493"/>
      <c r="S72" s="493"/>
      <c r="T72" s="493"/>
      <c r="U72" s="493"/>
      <c r="V72" s="493"/>
      <c r="W72" s="493"/>
      <c r="X72" s="492"/>
      <c r="Y72" s="753"/>
      <c r="Z72" s="753" t="s">
        <v>174</v>
      </c>
      <c r="AA72" s="753"/>
      <c r="AB72" s="753"/>
      <c r="AC72" s="753"/>
      <c r="AD72" s="753"/>
      <c r="AE72" s="753"/>
      <c r="AF72" s="753" t="s">
        <v>104</v>
      </c>
      <c r="AG72" s="753"/>
      <c r="AH72" s="753"/>
      <c r="AI72" s="753" t="s">
        <v>105</v>
      </c>
      <c r="AJ72" s="968"/>
      <c r="AK72" s="976"/>
      <c r="AL72" s="976"/>
      <c r="AM72" s="976"/>
      <c r="AN72" s="976"/>
      <c r="AO72" s="976"/>
      <c r="AP72" s="976"/>
      <c r="AQ72" s="976"/>
      <c r="AR72" s="976"/>
      <c r="AS72" s="976"/>
      <c r="AT72" s="976"/>
      <c r="AU72" s="976"/>
      <c r="AV72" s="976"/>
      <c r="AW72" s="976"/>
      <c r="AX72" s="976"/>
      <c r="AY72" s="976"/>
      <c r="AZ72" s="976"/>
      <c r="BA72" s="976"/>
      <c r="BB72" s="976"/>
      <c r="BC72" s="976"/>
      <c r="BD72" s="753" t="s">
        <v>452</v>
      </c>
      <c r="BE72" s="753"/>
      <c r="BF72" s="753" t="s">
        <v>107</v>
      </c>
      <c r="BG72" s="753"/>
      <c r="BH72" s="753"/>
      <c r="BI72" s="509"/>
    </row>
    <row r="73" spans="1:61" ht="13.5" customHeight="1">
      <c r="A73" s="747"/>
      <c r="B73" s="748"/>
      <c r="C73" s="748"/>
      <c r="D73" s="748"/>
      <c r="E73" s="748"/>
      <c r="F73" s="748"/>
      <c r="G73" s="749"/>
      <c r="H73" s="492"/>
      <c r="I73" s="493"/>
      <c r="J73" s="493"/>
      <c r="K73" s="493"/>
      <c r="L73" s="493"/>
      <c r="M73" s="493"/>
      <c r="N73" s="493"/>
      <c r="O73" s="493"/>
      <c r="P73" s="493"/>
      <c r="Q73" s="493"/>
      <c r="R73" s="493"/>
      <c r="S73" s="493"/>
      <c r="T73" s="493"/>
      <c r="U73" s="493"/>
      <c r="V73" s="493"/>
      <c r="W73" s="493"/>
      <c r="X73" s="492"/>
      <c r="Y73" s="753" t="s">
        <v>110</v>
      </c>
      <c r="Z73" s="753"/>
      <c r="AA73" s="753"/>
      <c r="AB73" s="753"/>
      <c r="AC73" s="753"/>
      <c r="AD73" s="753"/>
      <c r="AE73" s="753"/>
      <c r="AF73" s="753"/>
      <c r="AG73" s="753"/>
      <c r="AH73" s="753"/>
      <c r="AI73" s="753"/>
      <c r="AJ73" s="753"/>
      <c r="AK73" s="753"/>
      <c r="AL73" s="753"/>
      <c r="AM73" s="753"/>
      <c r="AN73" s="753"/>
      <c r="AO73" s="753"/>
      <c r="AP73" s="753"/>
      <c r="AQ73" s="753"/>
      <c r="AR73" s="753"/>
      <c r="AS73" s="753"/>
      <c r="AT73" s="753"/>
      <c r="AU73" s="753"/>
      <c r="AV73" s="753"/>
      <c r="AW73" s="753"/>
      <c r="AX73" s="753"/>
      <c r="AY73" s="753"/>
      <c r="AZ73" s="753"/>
      <c r="BA73" s="753"/>
      <c r="BB73" s="753"/>
      <c r="BC73" s="753"/>
      <c r="BD73" s="753"/>
      <c r="BE73" s="753"/>
      <c r="BF73" s="753"/>
      <c r="BG73" s="753"/>
      <c r="BH73" s="753"/>
      <c r="BI73" s="509"/>
    </row>
    <row r="74" spans="1:61" ht="13.5" customHeight="1">
      <c r="A74" s="747"/>
      <c r="B74" s="748"/>
      <c r="C74" s="748"/>
      <c r="D74" s="748"/>
      <c r="E74" s="748"/>
      <c r="F74" s="748"/>
      <c r="G74" s="749"/>
      <c r="H74" s="492"/>
      <c r="I74" s="493"/>
      <c r="J74" s="493"/>
      <c r="K74" s="493"/>
      <c r="L74" s="493"/>
      <c r="M74" s="493"/>
      <c r="N74" s="493"/>
      <c r="O74" s="493"/>
      <c r="P74" s="493"/>
      <c r="Q74" s="493"/>
      <c r="R74" s="493"/>
      <c r="S74" s="493"/>
      <c r="T74" s="493"/>
      <c r="U74" s="493"/>
      <c r="V74" s="493"/>
      <c r="W74" s="493"/>
      <c r="X74" s="492"/>
      <c r="Y74" s="753" t="s">
        <v>104</v>
      </c>
      <c r="Z74" s="753"/>
      <c r="AA74" s="753"/>
      <c r="AB74" s="753" t="s">
        <v>105</v>
      </c>
      <c r="AC74" s="968"/>
      <c r="AD74" s="968"/>
      <c r="AE74" s="968"/>
      <c r="AF74" s="968"/>
      <c r="AG74" s="968"/>
      <c r="AH74" s="968"/>
      <c r="AI74" s="968"/>
      <c r="AJ74" s="968"/>
      <c r="AK74" s="968"/>
      <c r="AL74" s="968"/>
      <c r="AM74" s="968"/>
      <c r="AN74" s="968"/>
      <c r="AO74" s="968"/>
      <c r="AP74" s="968"/>
      <c r="AQ74" s="968"/>
      <c r="AR74" s="968"/>
      <c r="AS74" s="968"/>
      <c r="AT74" s="968"/>
      <c r="AU74" s="968"/>
      <c r="AV74" s="968"/>
      <c r="AW74" s="968"/>
      <c r="AX74" s="968"/>
      <c r="AY74" s="968"/>
      <c r="AZ74" s="968"/>
      <c r="BA74" s="968"/>
      <c r="BB74" s="968"/>
      <c r="BC74" s="968"/>
      <c r="BD74" s="968"/>
      <c r="BE74" s="968"/>
      <c r="BF74" s="968"/>
      <c r="BG74" s="968"/>
      <c r="BH74" s="968"/>
      <c r="BI74" s="509" t="s">
        <v>452</v>
      </c>
    </row>
    <row r="75" spans="1:61" ht="13.5" customHeight="1">
      <c r="A75" s="747"/>
      <c r="B75" s="748"/>
      <c r="C75" s="748"/>
      <c r="D75" s="748"/>
      <c r="E75" s="748"/>
      <c r="F75" s="748"/>
      <c r="G75" s="749"/>
      <c r="H75" s="492"/>
      <c r="I75" s="493"/>
      <c r="J75" s="493"/>
      <c r="K75" s="493"/>
      <c r="L75" s="493"/>
      <c r="M75" s="493"/>
      <c r="N75" s="493"/>
      <c r="O75" s="493"/>
      <c r="P75" s="493"/>
      <c r="Q75" s="493"/>
      <c r="R75" s="493"/>
      <c r="S75" s="493"/>
      <c r="T75" s="493"/>
      <c r="U75" s="493"/>
      <c r="V75" s="493"/>
      <c r="W75" s="493"/>
      <c r="X75" s="492"/>
      <c r="Y75" s="753"/>
      <c r="Z75" s="753"/>
      <c r="AA75" s="753"/>
      <c r="AB75" s="753"/>
      <c r="AC75" s="745"/>
      <c r="AD75" s="745"/>
      <c r="AE75" s="745"/>
      <c r="AF75" s="745"/>
      <c r="AG75" s="745"/>
      <c r="AH75" s="745"/>
      <c r="AI75" s="745"/>
      <c r="AJ75" s="745"/>
      <c r="AK75" s="745"/>
      <c r="AL75" s="745"/>
      <c r="AM75" s="745"/>
      <c r="AN75" s="745"/>
      <c r="AO75" s="745"/>
      <c r="AP75" s="745"/>
      <c r="AQ75" s="745"/>
      <c r="AR75" s="745"/>
      <c r="AS75" s="745"/>
      <c r="AT75" s="745"/>
      <c r="AU75" s="745"/>
      <c r="AV75" s="745"/>
      <c r="AW75" s="745"/>
      <c r="AX75" s="745"/>
      <c r="AY75" s="745"/>
      <c r="AZ75" s="745"/>
      <c r="BA75" s="745"/>
      <c r="BB75" s="745"/>
      <c r="BC75" s="745"/>
      <c r="BD75" s="745"/>
      <c r="BE75" s="745"/>
      <c r="BF75" s="745"/>
      <c r="BG75" s="745"/>
      <c r="BH75" s="745"/>
      <c r="BI75" s="509"/>
    </row>
    <row r="76" spans="1:61" ht="13.5" customHeight="1">
      <c r="A76" s="514"/>
      <c r="B76" s="753"/>
      <c r="C76" s="753"/>
      <c r="D76" s="753"/>
      <c r="E76" s="753"/>
      <c r="F76" s="753"/>
      <c r="G76" s="509"/>
      <c r="H76" s="492"/>
      <c r="I76" s="493"/>
      <c r="J76" s="493"/>
      <c r="K76" s="493"/>
      <c r="L76" s="493"/>
      <c r="M76" s="493"/>
      <c r="N76" s="493"/>
      <c r="O76" s="493"/>
      <c r="P76" s="493"/>
      <c r="Q76" s="493"/>
      <c r="R76" s="493"/>
      <c r="S76" s="493"/>
      <c r="T76" s="493"/>
      <c r="U76" s="493"/>
      <c r="V76" s="493"/>
      <c r="W76" s="493"/>
      <c r="X76" s="492"/>
      <c r="Y76" s="753"/>
      <c r="Z76" s="753"/>
      <c r="AA76" s="753"/>
      <c r="AB76" s="753"/>
      <c r="AC76" s="753"/>
      <c r="AD76" s="753"/>
      <c r="AE76" s="753"/>
      <c r="AF76" s="753"/>
      <c r="AG76" s="753"/>
      <c r="AH76" s="753"/>
      <c r="AI76" s="753"/>
      <c r="AJ76" s="753"/>
      <c r="AK76" s="753"/>
      <c r="AL76" s="753"/>
      <c r="AM76" s="753"/>
      <c r="AN76" s="753"/>
      <c r="AO76" s="753"/>
      <c r="AP76" s="753"/>
      <c r="AQ76" s="753"/>
      <c r="AR76" s="753"/>
      <c r="AS76" s="753"/>
      <c r="AT76" s="753"/>
      <c r="AU76" s="753"/>
      <c r="AV76" s="753"/>
      <c r="AW76" s="753"/>
      <c r="AX76" s="753"/>
      <c r="AY76" s="753"/>
      <c r="AZ76" s="753"/>
      <c r="BA76" s="753"/>
      <c r="BB76" s="753"/>
      <c r="BC76" s="753"/>
      <c r="BD76" s="753"/>
      <c r="BE76" s="753"/>
      <c r="BF76" s="753"/>
      <c r="BG76" s="753"/>
      <c r="BH76" s="753"/>
      <c r="BI76" s="509"/>
    </row>
    <row r="77" spans="1:61" ht="13.5" customHeight="1">
      <c r="A77" s="511"/>
      <c r="B77" s="512"/>
      <c r="C77" s="512"/>
      <c r="D77" s="512"/>
      <c r="E77" s="512"/>
      <c r="F77" s="512"/>
      <c r="G77" s="512"/>
      <c r="H77" s="501"/>
      <c r="I77" s="502"/>
      <c r="J77" s="502"/>
      <c r="K77" s="502"/>
      <c r="L77" s="502"/>
      <c r="M77" s="502"/>
      <c r="N77" s="502"/>
      <c r="O77" s="502"/>
      <c r="P77" s="502"/>
      <c r="Q77" s="502"/>
      <c r="R77" s="502"/>
      <c r="S77" s="502"/>
      <c r="T77" s="502"/>
      <c r="U77" s="502"/>
      <c r="V77" s="502"/>
      <c r="W77" s="503"/>
      <c r="X77" s="502"/>
      <c r="Y77" s="512"/>
      <c r="Z77" s="512"/>
      <c r="AA77" s="512"/>
      <c r="AB77" s="512"/>
      <c r="AC77" s="512"/>
      <c r="AD77" s="512"/>
      <c r="AE77" s="512"/>
      <c r="AF77" s="512"/>
      <c r="AG77" s="512"/>
      <c r="AH77" s="512"/>
      <c r="AI77" s="512"/>
      <c r="AJ77" s="512"/>
      <c r="AK77" s="512"/>
      <c r="AL77" s="512"/>
      <c r="AM77" s="512"/>
      <c r="AN77" s="512"/>
      <c r="AO77" s="512"/>
      <c r="AP77" s="512"/>
      <c r="AQ77" s="512"/>
      <c r="AR77" s="512"/>
      <c r="AS77" s="512"/>
      <c r="AT77" s="512"/>
      <c r="AU77" s="512"/>
      <c r="AV77" s="512"/>
      <c r="AW77" s="512"/>
      <c r="AX77" s="512"/>
      <c r="AY77" s="512"/>
      <c r="AZ77" s="512"/>
      <c r="BA77" s="512"/>
      <c r="BB77" s="512"/>
      <c r="BC77" s="512"/>
      <c r="BD77" s="512"/>
      <c r="BE77" s="512"/>
      <c r="BF77" s="512"/>
      <c r="BG77" s="512"/>
      <c r="BH77" s="512"/>
      <c r="BI77" s="513"/>
    </row>
    <row r="78" spans="1:61" ht="13.5" customHeight="1">
      <c r="A78" s="753"/>
      <c r="B78" s="753"/>
      <c r="C78" s="753"/>
      <c r="D78" s="753"/>
      <c r="E78" s="753"/>
      <c r="F78" s="753"/>
      <c r="G78" s="753"/>
      <c r="H78" s="493"/>
      <c r="I78" s="493"/>
      <c r="J78" s="493"/>
      <c r="K78" s="493"/>
      <c r="L78" s="493"/>
      <c r="M78" s="493"/>
      <c r="N78" s="493"/>
      <c r="O78" s="493"/>
      <c r="P78" s="493"/>
      <c r="Q78" s="493"/>
      <c r="R78" s="493"/>
      <c r="S78" s="493"/>
      <c r="T78" s="493"/>
      <c r="U78" s="493"/>
      <c r="V78" s="493"/>
      <c r="W78" s="493"/>
      <c r="X78" s="493"/>
      <c r="Y78" s="753"/>
      <c r="Z78" s="753"/>
      <c r="AA78" s="753"/>
      <c r="AB78" s="753"/>
      <c r="AC78" s="753"/>
      <c r="AD78" s="753"/>
      <c r="AE78" s="753"/>
      <c r="AF78" s="753"/>
      <c r="AG78" s="753"/>
      <c r="AH78" s="753"/>
      <c r="AI78" s="753"/>
      <c r="AJ78" s="753"/>
      <c r="AK78" s="753"/>
      <c r="AL78" s="753"/>
      <c r="AM78" s="753"/>
      <c r="AN78" s="753"/>
      <c r="AO78" s="753"/>
      <c r="AP78" s="753"/>
      <c r="AQ78" s="753"/>
      <c r="AR78" s="753"/>
      <c r="AS78" s="753"/>
      <c r="AT78" s="753"/>
      <c r="AU78" s="753"/>
      <c r="AV78" s="753"/>
      <c r="AW78" s="753"/>
      <c r="AX78" s="753"/>
      <c r="AY78" s="753"/>
      <c r="AZ78" s="753"/>
      <c r="BA78" s="753"/>
      <c r="BB78" s="753"/>
      <c r="BC78" s="753"/>
      <c r="BD78" s="753"/>
      <c r="BE78" s="753"/>
      <c r="BF78" s="753"/>
      <c r="BG78" s="753"/>
      <c r="BH78" s="753"/>
      <c r="BI78" s="753"/>
    </row>
    <row r="79" spans="1:61" ht="13.5" customHeight="1">
      <c r="A79" s="753"/>
      <c r="B79" s="753"/>
      <c r="C79" s="753"/>
      <c r="D79" s="753"/>
      <c r="E79" s="753"/>
      <c r="F79" s="753"/>
      <c r="G79" s="753"/>
      <c r="H79" s="493"/>
      <c r="I79" s="493"/>
      <c r="J79" s="493"/>
      <c r="K79" s="493"/>
      <c r="L79" s="493"/>
      <c r="M79" s="493"/>
      <c r="N79" s="493"/>
      <c r="O79" s="493"/>
      <c r="P79" s="493"/>
      <c r="Q79" s="493"/>
      <c r="R79" s="493"/>
      <c r="S79" s="493"/>
      <c r="T79" s="493"/>
      <c r="U79" s="493"/>
      <c r="V79" s="493"/>
      <c r="W79" s="493"/>
      <c r="X79" s="493"/>
      <c r="Y79" s="753"/>
      <c r="Z79" s="753"/>
      <c r="AA79" s="753"/>
      <c r="AB79" s="753"/>
      <c r="AC79" s="753"/>
      <c r="AD79" s="753"/>
      <c r="AE79" s="753"/>
      <c r="AF79" s="753"/>
      <c r="AG79" s="753"/>
      <c r="AH79" s="753"/>
      <c r="AI79" s="753"/>
      <c r="AJ79" s="753"/>
      <c r="AK79" s="753"/>
      <c r="AL79" s="753"/>
      <c r="AM79" s="753"/>
      <c r="AN79" s="753"/>
      <c r="AO79" s="753"/>
      <c r="AP79" s="753"/>
      <c r="AQ79" s="753"/>
      <c r="AR79" s="753"/>
      <c r="AS79" s="753"/>
      <c r="AT79" s="753"/>
      <c r="AU79" s="753"/>
      <c r="AV79" s="753"/>
      <c r="AW79" s="753"/>
      <c r="AX79" s="753"/>
      <c r="AY79" s="753"/>
      <c r="AZ79" s="753"/>
      <c r="BA79" s="753"/>
      <c r="BB79" s="753"/>
      <c r="BC79" s="753"/>
      <c r="BD79" s="753"/>
      <c r="BE79" s="753"/>
      <c r="BF79" s="753"/>
      <c r="BG79" s="753"/>
      <c r="BH79" s="753"/>
      <c r="BI79" s="753"/>
    </row>
    <row r="80" spans="1:61" ht="13.5" customHeight="1">
      <c r="A80" s="753"/>
      <c r="B80" s="753"/>
      <c r="C80" s="753"/>
      <c r="D80" s="753"/>
      <c r="E80" s="753"/>
      <c r="F80" s="753"/>
      <c r="G80" s="753"/>
      <c r="H80" s="493"/>
      <c r="I80" s="493"/>
      <c r="J80" s="493"/>
      <c r="K80" s="493"/>
      <c r="L80" s="493"/>
      <c r="M80" s="493"/>
      <c r="N80" s="493"/>
      <c r="O80" s="493"/>
      <c r="P80" s="493"/>
      <c r="Q80" s="493"/>
      <c r="R80" s="493"/>
      <c r="S80" s="493"/>
      <c r="T80" s="493"/>
      <c r="U80" s="493"/>
      <c r="V80" s="493"/>
      <c r="W80" s="493"/>
      <c r="X80" s="493"/>
      <c r="Y80" s="753"/>
      <c r="Z80" s="753"/>
      <c r="AA80" s="753"/>
      <c r="AB80" s="753"/>
      <c r="AC80" s="753"/>
      <c r="AD80" s="753"/>
      <c r="AE80" s="753"/>
      <c r="AF80" s="753"/>
      <c r="AG80" s="753"/>
      <c r="AH80" s="753"/>
      <c r="AI80" s="753"/>
      <c r="AJ80" s="753"/>
      <c r="AK80" s="753"/>
      <c r="AL80" s="753"/>
      <c r="AM80" s="753"/>
      <c r="AN80" s="753"/>
      <c r="AO80" s="753"/>
      <c r="AP80" s="753"/>
      <c r="AQ80" s="753"/>
      <c r="AR80" s="753"/>
      <c r="AS80" s="753"/>
      <c r="AT80" s="753"/>
      <c r="AU80" s="753"/>
      <c r="AV80" s="753"/>
      <c r="AW80" s="753"/>
      <c r="AX80" s="753"/>
      <c r="AY80" s="753"/>
      <c r="AZ80" s="753"/>
      <c r="BA80" s="753"/>
      <c r="BB80" s="753"/>
      <c r="BC80" s="753"/>
      <c r="BD80" s="753"/>
      <c r="BE80" s="753"/>
      <c r="BF80" s="753"/>
      <c r="BG80" s="753"/>
      <c r="BH80" s="753"/>
      <c r="BI80" s="753"/>
    </row>
    <row r="81" spans="1:61" ht="13.5" customHeight="1">
      <c r="A81" s="512"/>
      <c r="B81" s="512"/>
      <c r="C81" s="512"/>
      <c r="D81" s="512"/>
      <c r="E81" s="512"/>
      <c r="F81" s="512"/>
      <c r="G81" s="512"/>
      <c r="H81" s="502"/>
      <c r="I81" s="502"/>
      <c r="J81" s="502"/>
      <c r="K81" s="502"/>
      <c r="L81" s="502"/>
      <c r="M81" s="502"/>
      <c r="N81" s="502"/>
      <c r="O81" s="502"/>
      <c r="P81" s="502"/>
      <c r="Q81" s="502"/>
      <c r="R81" s="502"/>
      <c r="S81" s="502"/>
      <c r="T81" s="502"/>
      <c r="U81" s="502"/>
      <c r="V81" s="502"/>
      <c r="W81" s="502"/>
      <c r="X81" s="502"/>
      <c r="Y81" s="512"/>
      <c r="Z81" s="512"/>
      <c r="AA81" s="512"/>
      <c r="AB81" s="512"/>
      <c r="AC81" s="512"/>
      <c r="AD81" s="512"/>
      <c r="AE81" s="512"/>
      <c r="AF81" s="512"/>
      <c r="AG81" s="512"/>
      <c r="AH81" s="512"/>
      <c r="AI81" s="512"/>
      <c r="AJ81" s="512"/>
      <c r="AK81" s="512"/>
      <c r="AL81" s="512"/>
      <c r="AM81" s="512"/>
      <c r="AN81" s="512"/>
      <c r="AO81" s="512"/>
      <c r="AP81" s="512"/>
      <c r="AQ81" s="512"/>
      <c r="AR81" s="512"/>
      <c r="AS81" s="512"/>
      <c r="AT81" s="512"/>
      <c r="AU81" s="512"/>
      <c r="AV81" s="512"/>
      <c r="AW81" s="512"/>
      <c r="AX81" s="512"/>
      <c r="AY81" s="512"/>
      <c r="AZ81" s="512"/>
      <c r="BA81" s="512"/>
      <c r="BB81" s="512"/>
      <c r="BC81" s="512"/>
      <c r="BD81" s="512"/>
      <c r="BE81" s="512"/>
      <c r="BF81" s="512"/>
      <c r="BG81" s="512"/>
      <c r="BH81" s="512"/>
      <c r="BI81" s="512"/>
    </row>
    <row r="82" spans="1:61" ht="13.5" customHeight="1">
      <c r="A82" s="984" t="s">
        <v>180</v>
      </c>
      <c r="B82" s="974"/>
      <c r="C82" s="974"/>
      <c r="D82" s="974"/>
      <c r="E82" s="974"/>
      <c r="F82" s="974"/>
      <c r="G82" s="975"/>
      <c r="H82" s="515"/>
      <c r="I82" s="516" t="s">
        <v>181</v>
      </c>
      <c r="J82" s="516"/>
      <c r="K82" s="516"/>
      <c r="L82" s="516"/>
      <c r="M82" s="517"/>
      <c r="N82" s="490"/>
      <c r="O82" s="490"/>
      <c r="P82" s="490"/>
      <c r="Q82" s="490"/>
      <c r="R82" s="490"/>
      <c r="S82" s="490"/>
      <c r="T82" s="490"/>
      <c r="U82" s="490"/>
      <c r="V82" s="490"/>
      <c r="W82" s="491"/>
      <c r="X82" s="489"/>
      <c r="Y82" s="746" t="s">
        <v>182</v>
      </c>
      <c r="Z82" s="746"/>
      <c r="AA82" s="746"/>
      <c r="AB82" s="746"/>
      <c r="AC82" s="746"/>
      <c r="AD82" s="746"/>
      <c r="AE82" s="746" t="s">
        <v>183</v>
      </c>
      <c r="AF82" s="746"/>
      <c r="AG82" s="746"/>
      <c r="AH82" s="746"/>
      <c r="AI82" s="746" t="s">
        <v>471</v>
      </c>
      <c r="AJ82" s="746"/>
      <c r="AK82" s="988"/>
      <c r="AL82" s="988"/>
      <c r="AM82" s="746" t="s">
        <v>184</v>
      </c>
      <c r="AN82" s="746"/>
      <c r="AO82" s="746"/>
      <c r="AP82" s="746"/>
      <c r="AQ82" s="746"/>
      <c r="AR82" s="746"/>
      <c r="AS82" s="746"/>
      <c r="AT82" s="746"/>
      <c r="AU82" s="746"/>
      <c r="AV82" s="746"/>
      <c r="AW82" s="746"/>
      <c r="AX82" s="746"/>
      <c r="AY82" s="746"/>
      <c r="AZ82" s="746"/>
      <c r="BA82" s="746"/>
      <c r="BB82" s="746"/>
      <c r="BC82" s="746"/>
      <c r="BD82" s="746"/>
      <c r="BE82" s="746"/>
      <c r="BF82" s="746"/>
      <c r="BG82" s="746"/>
      <c r="BH82" s="746"/>
      <c r="BI82" s="506"/>
    </row>
    <row r="83" spans="1:61" ht="13.5" customHeight="1">
      <c r="A83" s="985"/>
      <c r="B83" s="986"/>
      <c r="C83" s="986"/>
      <c r="D83" s="986"/>
      <c r="E83" s="986"/>
      <c r="F83" s="986"/>
      <c r="G83" s="987"/>
      <c r="H83" s="518"/>
      <c r="I83" s="989" t="s">
        <v>472</v>
      </c>
      <c r="J83" s="989"/>
      <c r="K83" s="989"/>
      <c r="L83" s="989"/>
      <c r="M83" s="989"/>
      <c r="N83" s="989"/>
      <c r="O83" s="989"/>
      <c r="P83" s="989"/>
      <c r="Q83" s="989"/>
      <c r="R83" s="989"/>
      <c r="S83" s="989"/>
      <c r="T83" s="989"/>
      <c r="U83" s="989"/>
      <c r="V83" s="989"/>
      <c r="W83" s="990"/>
      <c r="X83" s="492"/>
      <c r="Y83" s="753"/>
      <c r="Z83" s="753" t="s">
        <v>185</v>
      </c>
      <c r="AA83" s="753"/>
      <c r="AB83" s="753"/>
      <c r="AC83" s="753"/>
      <c r="AD83" s="753"/>
      <c r="AE83" s="753" t="s">
        <v>104</v>
      </c>
      <c r="AF83" s="753"/>
      <c r="AG83" s="753"/>
      <c r="AH83" s="753" t="s">
        <v>451</v>
      </c>
      <c r="AI83" s="968"/>
      <c r="AJ83" s="976"/>
      <c r="AK83" s="976"/>
      <c r="AL83" s="976"/>
      <c r="AM83" s="976"/>
      <c r="AN83" s="976"/>
      <c r="AO83" s="976"/>
      <c r="AP83" s="976"/>
      <c r="AQ83" s="976"/>
      <c r="AR83" s="976"/>
      <c r="AS83" s="976"/>
      <c r="AT83" s="976"/>
      <c r="AU83" s="976"/>
      <c r="AV83" s="976"/>
      <c r="AW83" s="976"/>
      <c r="AX83" s="976"/>
      <c r="AY83" s="976"/>
      <c r="AZ83" s="976"/>
      <c r="BA83" s="976"/>
      <c r="BB83" s="976"/>
      <c r="BC83" s="976"/>
      <c r="BD83" s="753" t="s">
        <v>452</v>
      </c>
      <c r="BE83" s="753"/>
      <c r="BF83" s="753" t="s">
        <v>107</v>
      </c>
      <c r="BG83" s="753"/>
      <c r="BH83" s="753"/>
      <c r="BI83" s="509"/>
    </row>
    <row r="84" spans="1:61" ht="13.5" customHeight="1">
      <c r="A84" s="747"/>
      <c r="B84" s="748"/>
      <c r="C84" s="748"/>
      <c r="D84" s="748"/>
      <c r="E84" s="748"/>
      <c r="F84" s="748"/>
      <c r="G84" s="748"/>
      <c r="H84" s="518"/>
      <c r="I84" s="991"/>
      <c r="J84" s="991"/>
      <c r="K84" s="991"/>
      <c r="L84" s="991"/>
      <c r="M84" s="991"/>
      <c r="N84" s="991"/>
      <c r="O84" s="991"/>
      <c r="P84" s="991"/>
      <c r="Q84" s="991"/>
      <c r="R84" s="991"/>
      <c r="S84" s="991"/>
      <c r="T84" s="991"/>
      <c r="U84" s="991"/>
      <c r="V84" s="991"/>
      <c r="W84" s="992"/>
      <c r="X84" s="492"/>
      <c r="Y84" s="753" t="s">
        <v>186</v>
      </c>
      <c r="Z84" s="753"/>
      <c r="AA84" s="753"/>
      <c r="AB84" s="753"/>
      <c r="AC84" s="753"/>
      <c r="AD84" s="753"/>
      <c r="AE84" s="753"/>
      <c r="AF84" s="753"/>
      <c r="AG84" s="753"/>
      <c r="AH84" s="753"/>
      <c r="AI84" s="753"/>
      <c r="AJ84" s="753"/>
      <c r="AK84" s="753"/>
      <c r="AL84" s="753"/>
      <c r="AM84" s="753"/>
      <c r="AN84" s="753"/>
      <c r="AO84" s="753"/>
      <c r="AP84" s="753"/>
      <c r="AQ84" s="753"/>
      <c r="AR84" s="753"/>
      <c r="AS84" s="753"/>
      <c r="AT84" s="753"/>
      <c r="AU84" s="753"/>
      <c r="AV84" s="753"/>
      <c r="AW84" s="753"/>
      <c r="AX84" s="753"/>
      <c r="AY84" s="753"/>
      <c r="AZ84" s="753"/>
      <c r="BA84" s="753"/>
      <c r="BB84" s="753"/>
      <c r="BC84" s="753"/>
      <c r="BD84" s="753"/>
      <c r="BE84" s="753"/>
      <c r="BF84" s="753"/>
      <c r="BG84" s="753"/>
      <c r="BH84" s="753"/>
      <c r="BI84" s="509"/>
    </row>
    <row r="85" spans="1:61" ht="13.5" customHeight="1">
      <c r="A85" s="747"/>
      <c r="B85" s="748"/>
      <c r="C85" s="748"/>
      <c r="D85" s="748"/>
      <c r="E85" s="748"/>
      <c r="F85" s="748"/>
      <c r="G85" s="748"/>
      <c r="H85" s="518"/>
      <c r="I85" s="519"/>
      <c r="J85" s="519"/>
      <c r="K85" s="519"/>
      <c r="L85" s="519"/>
      <c r="M85" s="519"/>
      <c r="N85" s="519"/>
      <c r="O85" s="519"/>
      <c r="P85" s="519"/>
      <c r="Q85" s="519"/>
      <c r="R85" s="519"/>
      <c r="S85" s="519"/>
      <c r="T85" s="519"/>
      <c r="U85" s="519"/>
      <c r="V85" s="519"/>
      <c r="W85" s="520"/>
      <c r="X85" s="492"/>
      <c r="Y85" s="753"/>
      <c r="Z85" s="753" t="s">
        <v>187</v>
      </c>
      <c r="AA85" s="753"/>
      <c r="AB85" s="753"/>
      <c r="AC85" s="753"/>
      <c r="AD85" s="753"/>
      <c r="AE85" s="753" t="s">
        <v>104</v>
      </c>
      <c r="AF85" s="753"/>
      <c r="AG85" s="753"/>
      <c r="AH85" s="753" t="s">
        <v>455</v>
      </c>
      <c r="AI85" s="968"/>
      <c r="AJ85" s="968"/>
      <c r="AK85" s="968"/>
      <c r="AL85" s="968"/>
      <c r="AM85" s="968"/>
      <c r="AN85" s="968"/>
      <c r="AO85" s="968"/>
      <c r="AP85" s="968"/>
      <c r="AQ85" s="968"/>
      <c r="AR85" s="968"/>
      <c r="AS85" s="968"/>
      <c r="AT85" s="968"/>
      <c r="AU85" s="968"/>
      <c r="AV85" s="968"/>
      <c r="AW85" s="968"/>
      <c r="AX85" s="968"/>
      <c r="AY85" s="968"/>
      <c r="AZ85" s="968"/>
      <c r="BA85" s="968"/>
      <c r="BB85" s="968"/>
      <c r="BC85" s="968"/>
      <c r="BD85" s="968"/>
      <c r="BE85" s="968"/>
      <c r="BF85" s="968"/>
      <c r="BG85" s="968"/>
      <c r="BH85" s="968"/>
      <c r="BI85" s="509" t="s">
        <v>466</v>
      </c>
    </row>
    <row r="86" spans="1:61" ht="13.5" customHeight="1">
      <c r="A86" s="747"/>
      <c r="B86" s="748"/>
      <c r="C86" s="748"/>
      <c r="D86" s="748"/>
      <c r="E86" s="748"/>
      <c r="F86" s="748"/>
      <c r="G86" s="748"/>
      <c r="H86" s="521"/>
      <c r="I86" s="522" t="s">
        <v>188</v>
      </c>
      <c r="J86" s="522"/>
      <c r="K86" s="522"/>
      <c r="L86" s="522"/>
      <c r="M86" s="523"/>
      <c r="N86" s="493"/>
      <c r="O86" s="493"/>
      <c r="P86" s="493"/>
      <c r="Q86" s="493"/>
      <c r="R86" s="493"/>
      <c r="S86" s="493"/>
      <c r="T86" s="493"/>
      <c r="U86" s="493"/>
      <c r="V86" s="493"/>
      <c r="W86" s="494"/>
      <c r="X86" s="492"/>
      <c r="Y86" s="753"/>
      <c r="Z86" s="753"/>
      <c r="AA86" s="753"/>
      <c r="AB86" s="753"/>
      <c r="AC86" s="753"/>
      <c r="AD86" s="753"/>
      <c r="AE86" s="753"/>
      <c r="AF86" s="753"/>
      <c r="AG86" s="753"/>
      <c r="AH86" s="753"/>
      <c r="AI86" s="753"/>
      <c r="AJ86" s="753"/>
      <c r="AK86" s="753"/>
      <c r="AL86" s="753"/>
      <c r="AM86" s="753"/>
      <c r="AN86" s="753"/>
      <c r="AO86" s="753"/>
      <c r="AP86" s="753"/>
      <c r="AQ86" s="753"/>
      <c r="AR86" s="753"/>
      <c r="AS86" s="753"/>
      <c r="AT86" s="753"/>
      <c r="AU86" s="753"/>
      <c r="AV86" s="753"/>
      <c r="AW86" s="753"/>
      <c r="AX86" s="753"/>
      <c r="AY86" s="753"/>
      <c r="AZ86" s="753"/>
      <c r="BA86" s="753"/>
      <c r="BB86" s="753"/>
      <c r="BC86" s="753"/>
      <c r="BD86" s="753"/>
      <c r="BE86" s="753"/>
      <c r="BF86" s="753"/>
      <c r="BG86" s="753"/>
      <c r="BH86" s="753"/>
      <c r="BI86" s="509"/>
    </row>
    <row r="87" spans="1:61" ht="13.5" customHeight="1">
      <c r="A87" s="747"/>
      <c r="B87" s="748"/>
      <c r="C87" s="748"/>
      <c r="D87" s="748"/>
      <c r="E87" s="748"/>
      <c r="F87" s="748"/>
      <c r="G87" s="748"/>
      <c r="H87" s="521"/>
      <c r="I87" s="522" t="s">
        <v>189</v>
      </c>
      <c r="J87" s="522"/>
      <c r="K87" s="522"/>
      <c r="L87" s="522"/>
      <c r="M87" s="523"/>
      <c r="N87" s="493"/>
      <c r="O87" s="493"/>
      <c r="P87" s="493"/>
      <c r="Q87" s="493"/>
      <c r="R87" s="493"/>
      <c r="S87" s="493"/>
      <c r="T87" s="493"/>
      <c r="U87" s="493"/>
      <c r="V87" s="493"/>
      <c r="W87" s="494"/>
      <c r="X87" s="492"/>
      <c r="Y87" s="753" t="s">
        <v>190</v>
      </c>
      <c r="Z87" s="753"/>
      <c r="AA87" s="753"/>
      <c r="AB87" s="753"/>
      <c r="AC87" s="753"/>
      <c r="AD87" s="753"/>
      <c r="AE87" s="753"/>
      <c r="AF87" s="753"/>
      <c r="AG87" s="753"/>
      <c r="AH87" s="753"/>
      <c r="AI87" s="753"/>
      <c r="AJ87" s="753"/>
      <c r="AK87" s="753"/>
      <c r="AL87" s="753"/>
      <c r="AM87" s="753"/>
      <c r="AN87" s="753"/>
      <c r="AO87" s="753"/>
      <c r="AP87" s="753"/>
      <c r="AQ87" s="753"/>
      <c r="AR87" s="753"/>
      <c r="AS87" s="753"/>
      <c r="AT87" s="753"/>
      <c r="AU87" s="753"/>
      <c r="AV87" s="753"/>
      <c r="AW87" s="753"/>
      <c r="AX87" s="753"/>
      <c r="AY87" s="753"/>
      <c r="AZ87" s="753"/>
      <c r="BA87" s="753"/>
      <c r="BB87" s="753"/>
      <c r="BC87" s="753"/>
      <c r="BD87" s="753"/>
      <c r="BE87" s="753"/>
      <c r="BF87" s="753"/>
      <c r="BG87" s="753"/>
      <c r="BH87" s="753"/>
      <c r="BI87" s="509"/>
    </row>
    <row r="88" spans="1:61" ht="13.5" customHeight="1">
      <c r="A88" s="747"/>
      <c r="B88" s="748"/>
      <c r="C88" s="748"/>
      <c r="D88" s="748"/>
      <c r="E88" s="748"/>
      <c r="F88" s="748"/>
      <c r="G88" s="748"/>
      <c r="H88" s="521"/>
      <c r="I88" s="524"/>
      <c r="J88" s="524"/>
      <c r="K88" s="524"/>
      <c r="L88" s="524"/>
      <c r="M88" s="524"/>
      <c r="N88" s="493"/>
      <c r="O88" s="493"/>
      <c r="P88" s="493"/>
      <c r="Q88" s="493"/>
      <c r="R88" s="493"/>
      <c r="S88" s="493"/>
      <c r="T88" s="493"/>
      <c r="U88" s="493"/>
      <c r="V88" s="493"/>
      <c r="W88" s="494"/>
      <c r="X88" s="492"/>
      <c r="Y88" s="753"/>
      <c r="Z88" s="753" t="s">
        <v>191</v>
      </c>
      <c r="AA88" s="753"/>
      <c r="AB88" s="753"/>
      <c r="AC88" s="753"/>
      <c r="AD88" s="753" t="s">
        <v>192</v>
      </c>
      <c r="AE88" s="753"/>
      <c r="AF88" s="753"/>
      <c r="AG88" s="753"/>
      <c r="AH88" s="753" t="s">
        <v>193</v>
      </c>
      <c r="AI88" s="753"/>
      <c r="AJ88" s="753"/>
      <c r="AK88" s="753"/>
      <c r="AL88" s="753" t="s">
        <v>194</v>
      </c>
      <c r="AM88" s="753"/>
      <c r="AN88" s="753"/>
      <c r="AO88" s="753"/>
      <c r="AP88" s="753" t="s">
        <v>104</v>
      </c>
      <c r="AQ88" s="753"/>
      <c r="AR88" s="753"/>
      <c r="AS88" s="753" t="s">
        <v>455</v>
      </c>
      <c r="AT88" s="993"/>
      <c r="AU88" s="993"/>
      <c r="AV88" s="993"/>
      <c r="AW88" s="993"/>
      <c r="AX88" s="993"/>
      <c r="AY88" s="993"/>
      <c r="AZ88" s="993"/>
      <c r="BA88" s="993"/>
      <c r="BB88" s="993"/>
      <c r="BC88" s="993"/>
      <c r="BD88" s="993"/>
      <c r="BE88" s="993"/>
      <c r="BF88" s="993"/>
      <c r="BG88" s="993"/>
      <c r="BH88" s="993"/>
      <c r="BI88" s="509" t="s">
        <v>466</v>
      </c>
    </row>
    <row r="89" spans="1:61" ht="13.5" customHeight="1">
      <c r="A89" s="747"/>
      <c r="B89" s="748"/>
      <c r="C89" s="748"/>
      <c r="D89" s="748"/>
      <c r="E89" s="748"/>
      <c r="F89" s="748"/>
      <c r="G89" s="748"/>
      <c r="H89" s="521"/>
      <c r="I89" s="524"/>
      <c r="J89" s="524"/>
      <c r="K89" s="524"/>
      <c r="L89" s="524"/>
      <c r="M89" s="524"/>
      <c r="N89" s="493"/>
      <c r="O89" s="493"/>
      <c r="P89" s="493"/>
      <c r="Q89" s="493"/>
      <c r="R89" s="493"/>
      <c r="S89" s="493"/>
      <c r="T89" s="493"/>
      <c r="U89" s="493"/>
      <c r="V89" s="493"/>
      <c r="W89" s="494"/>
      <c r="X89" s="492"/>
      <c r="Y89" s="753" t="s">
        <v>195</v>
      </c>
      <c r="Z89" s="753"/>
      <c r="AA89" s="753"/>
      <c r="AB89" s="753"/>
      <c r="AC89" s="753"/>
      <c r="AD89" s="753"/>
      <c r="AE89" s="753"/>
      <c r="AF89" s="753"/>
      <c r="AG89" s="753"/>
      <c r="AH89" s="753" t="s">
        <v>183</v>
      </c>
      <c r="AI89" s="753"/>
      <c r="AJ89" s="753"/>
      <c r="AK89" s="753"/>
      <c r="AL89" s="753" t="s">
        <v>473</v>
      </c>
      <c r="AM89" s="753"/>
      <c r="AN89" s="968"/>
      <c r="AO89" s="968"/>
      <c r="AP89" s="753" t="s">
        <v>474</v>
      </c>
      <c r="AQ89" s="753"/>
      <c r="AR89" s="753"/>
      <c r="AS89" s="753"/>
      <c r="AT89" s="753"/>
      <c r="AU89" s="753"/>
      <c r="AV89" s="753"/>
      <c r="AW89" s="753"/>
      <c r="AX89" s="753"/>
      <c r="AY89" s="753"/>
      <c r="AZ89" s="753"/>
      <c r="BA89" s="753"/>
      <c r="BB89" s="753"/>
      <c r="BC89" s="753"/>
      <c r="BD89" s="753"/>
      <c r="BE89" s="753"/>
      <c r="BF89" s="753"/>
      <c r="BG89" s="753"/>
      <c r="BH89" s="753"/>
      <c r="BI89" s="509"/>
    </row>
    <row r="90" spans="1:61" ht="13.5" customHeight="1">
      <c r="A90" s="747"/>
      <c r="B90" s="748"/>
      <c r="C90" s="748"/>
      <c r="D90" s="748"/>
      <c r="E90" s="748"/>
      <c r="F90" s="748"/>
      <c r="G90" s="748"/>
      <c r="H90" s="521"/>
      <c r="I90" s="524"/>
      <c r="J90" s="524"/>
      <c r="K90" s="524"/>
      <c r="L90" s="524"/>
      <c r="M90" s="524"/>
      <c r="N90" s="493"/>
      <c r="O90" s="493"/>
      <c r="P90" s="493"/>
      <c r="Q90" s="493"/>
      <c r="R90" s="493"/>
      <c r="S90" s="493"/>
      <c r="T90" s="493"/>
      <c r="U90" s="493"/>
      <c r="V90" s="493"/>
      <c r="W90" s="494"/>
      <c r="X90" s="492"/>
      <c r="Y90" s="753"/>
      <c r="Z90" s="753" t="s">
        <v>196</v>
      </c>
      <c r="AA90" s="753"/>
      <c r="AB90" s="753"/>
      <c r="AC90" s="753"/>
      <c r="AD90" s="753"/>
      <c r="AE90" s="753" t="s">
        <v>475</v>
      </c>
      <c r="AF90" s="968" t="s">
        <v>197</v>
      </c>
      <c r="AG90" s="968"/>
      <c r="AH90" s="968"/>
      <c r="AI90" s="968"/>
      <c r="AJ90" s="968"/>
      <c r="AK90" s="968"/>
      <c r="AL90" s="753" t="s">
        <v>106</v>
      </c>
      <c r="AM90" s="753"/>
      <c r="AN90" s="753" t="s">
        <v>198</v>
      </c>
      <c r="AO90" s="753"/>
      <c r="AP90" s="753"/>
      <c r="AQ90" s="753"/>
      <c r="AR90" s="753"/>
      <c r="AS90" s="753" t="s">
        <v>444</v>
      </c>
      <c r="AT90" s="968"/>
      <c r="AU90" s="968"/>
      <c r="AV90" s="968"/>
      <c r="AW90" s="968"/>
      <c r="AX90" s="968"/>
      <c r="AY90" s="968"/>
      <c r="AZ90" s="968"/>
      <c r="BA90" s="968"/>
      <c r="BB90" s="753" t="s">
        <v>447</v>
      </c>
      <c r="BC90" s="753"/>
      <c r="BD90" s="753"/>
      <c r="BE90" s="753"/>
      <c r="BF90" s="753" t="s">
        <v>107</v>
      </c>
      <c r="BG90" s="753"/>
      <c r="BH90" s="753"/>
      <c r="BI90" s="509"/>
    </row>
    <row r="91" spans="1:61" ht="13.5" customHeight="1">
      <c r="A91" s="747"/>
      <c r="B91" s="748"/>
      <c r="C91" s="748"/>
      <c r="D91" s="748"/>
      <c r="E91" s="748"/>
      <c r="F91" s="748"/>
      <c r="G91" s="748"/>
      <c r="H91" s="521"/>
      <c r="I91" s="525"/>
      <c r="J91" s="525"/>
      <c r="K91" s="522"/>
      <c r="L91" s="522"/>
      <c r="M91" s="524"/>
      <c r="N91" s="493"/>
      <c r="O91" s="493"/>
      <c r="P91" s="493"/>
      <c r="Q91" s="493"/>
      <c r="R91" s="493"/>
      <c r="S91" s="493"/>
      <c r="T91" s="493"/>
      <c r="U91" s="493"/>
      <c r="V91" s="493"/>
      <c r="W91" s="494"/>
      <c r="X91" s="492"/>
      <c r="Y91" s="753"/>
      <c r="Z91" s="753" t="s">
        <v>104</v>
      </c>
      <c r="AA91" s="753"/>
      <c r="AB91" s="753"/>
      <c r="AC91" s="753" t="s">
        <v>467</v>
      </c>
      <c r="AD91" s="968"/>
      <c r="AE91" s="968"/>
      <c r="AF91" s="968"/>
      <c r="AG91" s="968"/>
      <c r="AH91" s="968"/>
      <c r="AI91" s="968"/>
      <c r="AJ91" s="968"/>
      <c r="AK91" s="968"/>
      <c r="AL91" s="753" t="s">
        <v>106</v>
      </c>
      <c r="AM91" s="753"/>
      <c r="AN91" s="753"/>
      <c r="AO91" s="753"/>
      <c r="AP91" s="753"/>
      <c r="AQ91" s="753"/>
      <c r="AR91" s="753"/>
      <c r="AS91" s="753"/>
      <c r="AT91" s="753"/>
      <c r="AU91" s="753"/>
      <c r="AV91" s="753"/>
      <c r="AW91" s="753"/>
      <c r="AX91" s="753"/>
      <c r="AY91" s="753"/>
      <c r="AZ91" s="753"/>
      <c r="BA91" s="753"/>
      <c r="BB91" s="753"/>
      <c r="BC91" s="753"/>
      <c r="BD91" s="753"/>
      <c r="BE91" s="753"/>
      <c r="BF91" s="753" t="s">
        <v>199</v>
      </c>
      <c r="BG91" s="753"/>
      <c r="BH91" s="753"/>
      <c r="BI91" s="509"/>
    </row>
    <row r="92" spans="1:61" ht="13.5" customHeight="1">
      <c r="A92" s="747"/>
      <c r="B92" s="748"/>
      <c r="C92" s="748"/>
      <c r="D92" s="748"/>
      <c r="E92" s="748"/>
      <c r="F92" s="748"/>
      <c r="G92" s="748"/>
      <c r="H92" s="521"/>
      <c r="I92" s="525"/>
      <c r="J92" s="525"/>
      <c r="K92" s="525"/>
      <c r="L92" s="525"/>
      <c r="M92" s="526"/>
      <c r="N92" s="527"/>
      <c r="O92" s="527"/>
      <c r="P92" s="527"/>
      <c r="Q92" s="527"/>
      <c r="R92" s="527"/>
      <c r="S92" s="527"/>
      <c r="T92" s="527"/>
      <c r="U92" s="527"/>
      <c r="V92" s="527"/>
      <c r="W92" s="494"/>
      <c r="X92" s="492"/>
      <c r="Y92" s="753" t="s">
        <v>200</v>
      </c>
      <c r="Z92" s="753"/>
      <c r="AA92" s="753"/>
      <c r="AB92" s="753"/>
      <c r="AC92" s="753"/>
      <c r="AD92" s="753"/>
      <c r="AE92" s="753"/>
      <c r="AF92" s="753"/>
      <c r="AG92" s="753"/>
      <c r="AH92" s="753"/>
      <c r="AI92" s="753"/>
      <c r="AJ92" s="753"/>
      <c r="AK92" s="753"/>
      <c r="AL92" s="753"/>
      <c r="AM92" s="753"/>
      <c r="AN92" s="753"/>
      <c r="AO92" s="753"/>
      <c r="AP92" s="753"/>
      <c r="AQ92" s="753"/>
      <c r="AR92" s="753"/>
      <c r="AS92" s="753"/>
      <c r="AT92" s="753"/>
      <c r="AU92" s="753"/>
      <c r="AV92" s="753"/>
      <c r="AW92" s="753"/>
      <c r="AX92" s="753"/>
      <c r="AY92" s="753"/>
      <c r="AZ92" s="753"/>
      <c r="BA92" s="753"/>
      <c r="BB92" s="753"/>
      <c r="BC92" s="753"/>
      <c r="BD92" s="753"/>
      <c r="BE92" s="753"/>
      <c r="BF92" s="753"/>
      <c r="BG92" s="753"/>
      <c r="BH92" s="753"/>
      <c r="BI92" s="509"/>
    </row>
    <row r="93" spans="1:61" ht="13.5" customHeight="1">
      <c r="A93" s="747"/>
      <c r="B93" s="748"/>
      <c r="C93" s="748"/>
      <c r="D93" s="748"/>
      <c r="E93" s="748"/>
      <c r="F93" s="748"/>
      <c r="G93" s="748"/>
      <c r="H93" s="521"/>
      <c r="I93" s="525"/>
      <c r="J93" s="525"/>
      <c r="K93" s="525"/>
      <c r="L93" s="525"/>
      <c r="M93" s="526"/>
      <c r="N93" s="527"/>
      <c r="O93" s="527"/>
      <c r="P93" s="527"/>
      <c r="Q93" s="527"/>
      <c r="R93" s="527"/>
      <c r="S93" s="527"/>
      <c r="T93" s="527"/>
      <c r="U93" s="527"/>
      <c r="V93" s="527"/>
      <c r="W93" s="494"/>
      <c r="X93" s="492"/>
      <c r="Y93" s="753"/>
      <c r="Z93" s="753" t="s">
        <v>201</v>
      </c>
      <c r="AA93" s="753"/>
      <c r="AB93" s="753"/>
      <c r="AC93" s="753" t="s">
        <v>455</v>
      </c>
      <c r="AD93" s="753"/>
      <c r="AE93" s="753" t="s">
        <v>202</v>
      </c>
      <c r="AF93" s="753"/>
      <c r="AG93" s="753"/>
      <c r="AH93" s="753"/>
      <c r="AI93" s="753" t="s">
        <v>187</v>
      </c>
      <c r="AJ93" s="753"/>
      <c r="AK93" s="753"/>
      <c r="AL93" s="753"/>
      <c r="AM93" s="753"/>
      <c r="AN93" s="753" t="s">
        <v>203</v>
      </c>
      <c r="AO93" s="753"/>
      <c r="AP93" s="753"/>
      <c r="AQ93" s="753" t="s">
        <v>466</v>
      </c>
      <c r="AR93" s="753"/>
      <c r="AS93" s="753" t="s">
        <v>104</v>
      </c>
      <c r="AT93" s="753"/>
      <c r="AU93" s="753"/>
      <c r="AV93" s="753" t="s">
        <v>451</v>
      </c>
      <c r="AW93" s="983" t="s">
        <v>204</v>
      </c>
      <c r="AX93" s="983"/>
      <c r="AY93" s="983"/>
      <c r="AZ93" s="983"/>
      <c r="BA93" s="983"/>
      <c r="BB93" s="983"/>
      <c r="BC93" s="983"/>
      <c r="BD93" s="753" t="s">
        <v>443</v>
      </c>
      <c r="BE93" s="753"/>
      <c r="BF93" s="753" t="s">
        <v>107</v>
      </c>
      <c r="BG93" s="753"/>
      <c r="BH93" s="753"/>
      <c r="BI93" s="509"/>
    </row>
    <row r="94" spans="1:61" ht="13.5" customHeight="1">
      <c r="A94" s="747"/>
      <c r="B94" s="748"/>
      <c r="C94" s="748"/>
      <c r="D94" s="748"/>
      <c r="E94" s="748"/>
      <c r="F94" s="748"/>
      <c r="G94" s="748"/>
      <c r="H94" s="521"/>
      <c r="I94" s="525" t="s">
        <v>205</v>
      </c>
      <c r="J94" s="525"/>
      <c r="K94" s="522"/>
      <c r="L94" s="522"/>
      <c r="M94" s="524"/>
      <c r="N94" s="493"/>
      <c r="O94" s="493"/>
      <c r="P94" s="493"/>
      <c r="Q94" s="493"/>
      <c r="R94" s="493"/>
      <c r="S94" s="493"/>
      <c r="T94" s="493"/>
      <c r="U94" s="493"/>
      <c r="V94" s="493"/>
      <c r="W94" s="494"/>
      <c r="X94" s="492"/>
      <c r="Y94" s="753" t="s">
        <v>206</v>
      </c>
      <c r="Z94" s="753"/>
      <c r="AA94" s="753"/>
      <c r="AB94" s="753"/>
      <c r="AC94" s="753"/>
      <c r="AD94" s="753"/>
      <c r="AE94" s="753"/>
      <c r="AF94" s="753" t="s">
        <v>455</v>
      </c>
      <c r="AG94" s="968"/>
      <c r="AH94" s="968"/>
      <c r="AI94" s="968"/>
      <c r="AJ94" s="968"/>
      <c r="AK94" s="968"/>
      <c r="AL94" s="968"/>
      <c r="AM94" s="968"/>
      <c r="AN94" s="968"/>
      <c r="AO94" s="968"/>
      <c r="AP94" s="968"/>
      <c r="AQ94" s="968"/>
      <c r="AR94" s="968"/>
      <c r="AS94" s="968"/>
      <c r="AT94" s="968"/>
      <c r="AU94" s="968"/>
      <c r="AV94" s="968"/>
      <c r="AW94" s="968"/>
      <c r="AX94" s="968"/>
      <c r="AY94" s="968"/>
      <c r="AZ94" s="968"/>
      <c r="BA94" s="968"/>
      <c r="BB94" s="968"/>
      <c r="BC94" s="968"/>
      <c r="BD94" s="968"/>
      <c r="BE94" s="968"/>
      <c r="BF94" s="968"/>
      <c r="BG94" s="968"/>
      <c r="BH94" s="968"/>
      <c r="BI94" s="509" t="s">
        <v>106</v>
      </c>
    </row>
    <row r="95" spans="1:61" ht="13.5" customHeight="1">
      <c r="A95" s="747"/>
      <c r="B95" s="748"/>
      <c r="C95" s="748"/>
      <c r="D95" s="748"/>
      <c r="E95" s="748"/>
      <c r="F95" s="748"/>
      <c r="G95" s="748"/>
      <c r="H95" s="492"/>
      <c r="I95" s="525" t="s">
        <v>104</v>
      </c>
      <c r="J95" s="525"/>
      <c r="K95" s="525"/>
      <c r="L95" s="525" t="s">
        <v>463</v>
      </c>
      <c r="M95" s="1001" t="s">
        <v>207</v>
      </c>
      <c r="N95" s="1002"/>
      <c r="O95" s="1002"/>
      <c r="P95" s="1002"/>
      <c r="Q95" s="1002"/>
      <c r="R95" s="1002"/>
      <c r="S95" s="1002"/>
      <c r="T95" s="1002"/>
      <c r="U95" s="1002"/>
      <c r="V95" s="1002"/>
      <c r="W95" s="494" t="s">
        <v>462</v>
      </c>
      <c r="X95" s="492"/>
      <c r="Y95" s="753" t="s">
        <v>104</v>
      </c>
      <c r="Z95" s="753"/>
      <c r="AA95" s="753"/>
      <c r="AB95" s="753" t="s">
        <v>451</v>
      </c>
      <c r="AC95" s="968"/>
      <c r="AD95" s="968"/>
      <c r="AE95" s="968"/>
      <c r="AF95" s="968"/>
      <c r="AG95" s="968"/>
      <c r="AH95" s="968"/>
      <c r="AI95" s="968"/>
      <c r="AJ95" s="968"/>
      <c r="AK95" s="968"/>
      <c r="AL95" s="968"/>
      <c r="AM95" s="968"/>
      <c r="AN95" s="968"/>
      <c r="AO95" s="968"/>
      <c r="AP95" s="968"/>
      <c r="AQ95" s="968"/>
      <c r="AR95" s="968"/>
      <c r="AS95" s="968"/>
      <c r="AT95" s="968"/>
      <c r="AU95" s="968"/>
      <c r="AV95" s="968"/>
      <c r="AW95" s="968"/>
      <c r="AX95" s="968"/>
      <c r="AY95" s="968"/>
      <c r="AZ95" s="968"/>
      <c r="BA95" s="968"/>
      <c r="BB95" s="968"/>
      <c r="BC95" s="968"/>
      <c r="BD95" s="968"/>
      <c r="BE95" s="968"/>
      <c r="BF95" s="968"/>
      <c r="BG95" s="968"/>
      <c r="BH95" s="968"/>
      <c r="BI95" s="509" t="s">
        <v>106</v>
      </c>
    </row>
    <row r="96" spans="1:61" ht="13.5" customHeight="1">
      <c r="A96" s="747"/>
      <c r="B96" s="748"/>
      <c r="C96" s="748"/>
      <c r="D96" s="748"/>
      <c r="E96" s="748"/>
      <c r="F96" s="748"/>
      <c r="G96" s="748"/>
      <c r="H96" s="492"/>
      <c r="I96" s="525"/>
      <c r="J96" s="525"/>
      <c r="K96" s="525"/>
      <c r="L96" s="525"/>
      <c r="M96" s="750"/>
      <c r="N96" s="751"/>
      <c r="O96" s="751"/>
      <c r="P96" s="751"/>
      <c r="Q96" s="751"/>
      <c r="R96" s="751"/>
      <c r="S96" s="751"/>
      <c r="T96" s="751"/>
      <c r="U96" s="751"/>
      <c r="V96" s="751"/>
      <c r="W96" s="494"/>
      <c r="X96" s="492"/>
      <c r="Y96" s="753"/>
      <c r="Z96" s="753"/>
      <c r="AA96" s="753"/>
      <c r="AB96" s="753"/>
      <c r="AC96" s="745"/>
      <c r="AD96" s="745"/>
      <c r="AE96" s="745"/>
      <c r="AF96" s="745"/>
      <c r="AG96" s="745"/>
      <c r="AH96" s="745"/>
      <c r="AI96" s="745"/>
      <c r="AJ96" s="745"/>
      <c r="AK96" s="745"/>
      <c r="AL96" s="745"/>
      <c r="AM96" s="745"/>
      <c r="AN96" s="745"/>
      <c r="AO96" s="745"/>
      <c r="AP96" s="745"/>
      <c r="AQ96" s="745"/>
      <c r="AR96" s="745"/>
      <c r="AS96" s="745"/>
      <c r="AT96" s="745"/>
      <c r="AU96" s="745"/>
      <c r="AV96" s="745"/>
      <c r="AW96" s="745"/>
      <c r="AX96" s="745"/>
      <c r="AY96" s="745"/>
      <c r="AZ96" s="745"/>
      <c r="BA96" s="745"/>
      <c r="BB96" s="745"/>
      <c r="BC96" s="745"/>
      <c r="BD96" s="745"/>
      <c r="BE96" s="745"/>
      <c r="BF96" s="745"/>
      <c r="BG96" s="745"/>
      <c r="BH96" s="745"/>
      <c r="BI96" s="509"/>
    </row>
    <row r="97" spans="1:61" ht="13.5" customHeight="1">
      <c r="A97" s="514"/>
      <c r="B97" s="753"/>
      <c r="C97" s="753"/>
      <c r="D97" s="753"/>
      <c r="E97" s="753"/>
      <c r="F97" s="753"/>
      <c r="G97" s="753"/>
      <c r="H97" s="492"/>
      <c r="I97" s="525"/>
      <c r="J97" s="525"/>
      <c r="K97" s="525"/>
      <c r="L97" s="525"/>
      <c r="M97" s="750"/>
      <c r="N97" s="751"/>
      <c r="O97" s="751"/>
      <c r="P97" s="751"/>
      <c r="Q97" s="751"/>
      <c r="R97" s="751"/>
      <c r="S97" s="751"/>
      <c r="T97" s="751"/>
      <c r="U97" s="751"/>
      <c r="V97" s="751"/>
      <c r="W97" s="494"/>
      <c r="X97" s="492"/>
      <c r="Y97" s="753"/>
      <c r="Z97" s="753"/>
      <c r="AA97" s="753"/>
      <c r="AB97" s="753"/>
      <c r="AC97" s="753"/>
      <c r="AD97" s="753"/>
      <c r="AE97" s="753"/>
      <c r="AF97" s="753"/>
      <c r="AG97" s="753"/>
      <c r="AH97" s="753"/>
      <c r="AI97" s="753"/>
      <c r="AJ97" s="753"/>
      <c r="AK97" s="753"/>
      <c r="AL97" s="753"/>
      <c r="AM97" s="753"/>
      <c r="AN97" s="753"/>
      <c r="AO97" s="753"/>
      <c r="AP97" s="753"/>
      <c r="AQ97" s="753"/>
      <c r="AR97" s="753"/>
      <c r="AS97" s="753"/>
      <c r="AT97" s="753"/>
      <c r="AU97" s="753"/>
      <c r="AV97" s="753"/>
      <c r="AW97" s="753"/>
      <c r="AX97" s="753"/>
      <c r="AY97" s="753"/>
      <c r="AZ97" s="753"/>
      <c r="BA97" s="753"/>
      <c r="BB97" s="753"/>
      <c r="BC97" s="753"/>
      <c r="BD97" s="753"/>
      <c r="BE97" s="753"/>
      <c r="BF97" s="753"/>
      <c r="BG97" s="753"/>
      <c r="BH97" s="753"/>
      <c r="BI97" s="509"/>
    </row>
    <row r="98" spans="1:61" ht="13.5" customHeight="1">
      <c r="A98" s="973" t="s">
        <v>208</v>
      </c>
      <c r="B98" s="999"/>
      <c r="C98" s="999"/>
      <c r="D98" s="999"/>
      <c r="E98" s="999"/>
      <c r="F98" s="999"/>
      <c r="G98" s="1000"/>
      <c r="H98" s="489"/>
      <c r="I98" s="528" t="s">
        <v>209</v>
      </c>
      <c r="J98" s="528"/>
      <c r="K98" s="528"/>
      <c r="L98" s="528"/>
      <c r="M98" s="529"/>
      <c r="N98" s="530"/>
      <c r="O98" s="530"/>
      <c r="P98" s="530"/>
      <c r="Q98" s="530"/>
      <c r="R98" s="530"/>
      <c r="S98" s="530"/>
      <c r="T98" s="530"/>
      <c r="U98" s="530"/>
      <c r="V98" s="530"/>
      <c r="W98" s="491"/>
      <c r="X98" s="489"/>
      <c r="Y98" s="746" t="s">
        <v>210</v>
      </c>
      <c r="Z98" s="746"/>
      <c r="AA98" s="746"/>
      <c r="AB98" s="746"/>
      <c r="AC98" s="746"/>
      <c r="AD98" s="746"/>
      <c r="AE98" s="746"/>
      <c r="AF98" s="746"/>
      <c r="AG98" s="746"/>
      <c r="AH98" s="746"/>
      <c r="AI98" s="746"/>
      <c r="AJ98" s="746"/>
      <c r="AK98" s="746"/>
      <c r="AL98" s="746"/>
      <c r="AM98" s="746"/>
      <c r="AN98" s="746"/>
      <c r="AO98" s="746"/>
      <c r="AP98" s="746"/>
      <c r="AQ98" s="746"/>
      <c r="AR98" s="746"/>
      <c r="AS98" s="746"/>
      <c r="AT98" s="746"/>
      <c r="AU98" s="746"/>
      <c r="AV98" s="746"/>
      <c r="AW98" s="746"/>
      <c r="AX98" s="746"/>
      <c r="AY98" s="746"/>
      <c r="AZ98" s="746"/>
      <c r="BA98" s="746"/>
      <c r="BB98" s="746"/>
      <c r="BC98" s="746"/>
      <c r="BD98" s="746"/>
      <c r="BE98" s="746"/>
      <c r="BF98" s="746"/>
      <c r="BG98" s="746"/>
      <c r="BH98" s="746"/>
      <c r="BI98" s="506"/>
    </row>
    <row r="99" spans="1:61" ht="13.5" customHeight="1">
      <c r="A99" s="514"/>
      <c r="B99" s="753"/>
      <c r="C99" s="753"/>
      <c r="D99" s="753"/>
      <c r="E99" s="753"/>
      <c r="F99" s="753"/>
      <c r="G99" s="509"/>
      <c r="H99" s="492"/>
      <c r="I99" s="525"/>
      <c r="J99" s="525"/>
      <c r="K99" s="525"/>
      <c r="L99" s="525"/>
      <c r="M99" s="750"/>
      <c r="N99" s="751"/>
      <c r="O99" s="751"/>
      <c r="P99" s="751"/>
      <c r="Q99" s="751"/>
      <c r="R99" s="751"/>
      <c r="S99" s="751"/>
      <c r="T99" s="751"/>
      <c r="U99" s="751"/>
      <c r="V99" s="751"/>
      <c r="W99" s="494"/>
      <c r="X99" s="492"/>
      <c r="Y99" s="753"/>
      <c r="Z99" s="753" t="s">
        <v>161</v>
      </c>
      <c r="AA99" s="753"/>
      <c r="AB99" s="753"/>
      <c r="AC99" s="753"/>
      <c r="AD99" s="753" t="s">
        <v>162</v>
      </c>
      <c r="AE99" s="753"/>
      <c r="AF99" s="753"/>
      <c r="AG99" s="753"/>
      <c r="AH99" s="753" t="s">
        <v>163</v>
      </c>
      <c r="AI99" s="753"/>
      <c r="AJ99" s="753"/>
      <c r="AK99" s="753"/>
      <c r="AL99" s="753" t="s">
        <v>164</v>
      </c>
      <c r="AM99" s="753"/>
      <c r="AN99" s="753"/>
      <c r="AO99" s="753"/>
      <c r="AP99" s="753" t="s">
        <v>476</v>
      </c>
      <c r="AQ99" s="753"/>
      <c r="AR99" s="753"/>
      <c r="AS99" s="753"/>
      <c r="AT99" s="753" t="s">
        <v>211</v>
      </c>
      <c r="AU99" s="753"/>
      <c r="AV99" s="753"/>
      <c r="AW99" s="753"/>
      <c r="AX99" s="753" t="s">
        <v>104</v>
      </c>
      <c r="AY99" s="753"/>
      <c r="AZ99" s="753"/>
      <c r="BA99" s="753" t="s">
        <v>467</v>
      </c>
      <c r="BB99" s="753"/>
      <c r="BC99" s="753"/>
      <c r="BD99" s="753"/>
      <c r="BE99" s="753"/>
      <c r="BF99" s="753"/>
      <c r="BG99" s="753"/>
      <c r="BH99" s="753"/>
      <c r="BI99" s="509" t="s">
        <v>466</v>
      </c>
    </row>
    <row r="100" spans="1:61" ht="13.5" customHeight="1">
      <c r="A100" s="514"/>
      <c r="B100" s="753"/>
      <c r="C100" s="753"/>
      <c r="D100" s="753"/>
      <c r="E100" s="753"/>
      <c r="F100" s="753"/>
      <c r="G100" s="509"/>
      <c r="H100" s="492"/>
      <c r="I100" s="525"/>
      <c r="J100" s="525"/>
      <c r="K100" s="525"/>
      <c r="L100" s="525"/>
      <c r="M100" s="750"/>
      <c r="N100" s="751"/>
      <c r="O100" s="751"/>
      <c r="P100" s="751"/>
      <c r="Q100" s="751"/>
      <c r="R100" s="751"/>
      <c r="S100" s="751"/>
      <c r="T100" s="751"/>
      <c r="U100" s="751"/>
      <c r="V100" s="751"/>
      <c r="W100" s="494"/>
      <c r="X100" s="492"/>
      <c r="Y100" s="753" t="s">
        <v>212</v>
      </c>
      <c r="Z100" s="753"/>
      <c r="AA100" s="753"/>
      <c r="AB100" s="753"/>
      <c r="AC100" s="753" t="s">
        <v>444</v>
      </c>
      <c r="AD100" s="496"/>
      <c r="AE100" s="753" t="s">
        <v>117</v>
      </c>
      <c r="AF100" s="753"/>
      <c r="AG100" s="968"/>
      <c r="AH100" s="968"/>
      <c r="AI100" s="753" t="s">
        <v>118</v>
      </c>
      <c r="AJ100" s="968"/>
      <c r="AK100" s="968"/>
      <c r="AL100" s="753" t="s">
        <v>119</v>
      </c>
      <c r="AM100" s="753"/>
      <c r="AN100" s="753"/>
      <c r="AO100" s="753"/>
      <c r="AP100" s="753" t="s">
        <v>107</v>
      </c>
      <c r="AQ100" s="753"/>
      <c r="AR100" s="753"/>
      <c r="AS100" s="753"/>
      <c r="AT100" s="753" t="s">
        <v>466</v>
      </c>
      <c r="AU100" s="753"/>
      <c r="AV100" s="753"/>
      <c r="AW100" s="753"/>
      <c r="AX100" s="753"/>
      <c r="AY100" s="753"/>
      <c r="AZ100" s="753"/>
      <c r="BA100" s="753"/>
      <c r="BB100" s="753"/>
      <c r="BC100" s="753"/>
      <c r="BD100" s="753"/>
      <c r="BE100" s="753"/>
      <c r="BF100" s="753"/>
      <c r="BG100" s="753"/>
      <c r="BH100" s="753"/>
      <c r="BI100" s="509"/>
    </row>
    <row r="101" spans="1:61" ht="13.5" customHeight="1">
      <c r="A101" s="514"/>
      <c r="B101" s="753"/>
      <c r="C101" s="753"/>
      <c r="D101" s="753"/>
      <c r="E101" s="753"/>
      <c r="F101" s="753"/>
      <c r="G101" s="509"/>
      <c r="H101" s="492"/>
      <c r="I101" s="525"/>
      <c r="J101" s="525"/>
      <c r="K101" s="525"/>
      <c r="L101" s="525"/>
      <c r="M101" s="750"/>
      <c r="N101" s="751"/>
      <c r="O101" s="751"/>
      <c r="P101" s="751"/>
      <c r="Q101" s="751"/>
      <c r="R101" s="751"/>
      <c r="S101" s="751"/>
      <c r="T101" s="751"/>
      <c r="U101" s="751"/>
      <c r="V101" s="751"/>
      <c r="W101" s="494"/>
      <c r="X101" s="492"/>
      <c r="Y101" s="753" t="s">
        <v>213</v>
      </c>
      <c r="Z101" s="753"/>
      <c r="AA101" s="753"/>
      <c r="AB101" s="753" t="s">
        <v>477</v>
      </c>
      <c r="AC101" s="968"/>
      <c r="AD101" s="976"/>
      <c r="AE101" s="976"/>
      <c r="AF101" s="976"/>
      <c r="AG101" s="976"/>
      <c r="AH101" s="976"/>
      <c r="AI101" s="976"/>
      <c r="AJ101" s="976"/>
      <c r="AK101" s="976"/>
      <c r="AL101" s="976"/>
      <c r="AM101" s="976"/>
      <c r="AN101" s="976"/>
      <c r="AO101" s="976"/>
      <c r="AP101" s="976"/>
      <c r="AQ101" s="976"/>
      <c r="AR101" s="976"/>
      <c r="AS101" s="976"/>
      <c r="AT101" s="976"/>
      <c r="AU101" s="976"/>
      <c r="AV101" s="976"/>
      <c r="AW101" s="976"/>
      <c r="AX101" s="976"/>
      <c r="AY101" s="976"/>
      <c r="AZ101" s="976"/>
      <c r="BA101" s="976"/>
      <c r="BB101" s="976"/>
      <c r="BC101" s="976"/>
      <c r="BD101" s="976"/>
      <c r="BE101" s="976"/>
      <c r="BF101" s="976"/>
      <c r="BG101" s="976"/>
      <c r="BH101" s="976"/>
      <c r="BI101" s="509" t="s">
        <v>466</v>
      </c>
    </row>
    <row r="102" spans="1:61" ht="13.5" customHeight="1">
      <c r="A102" s="514"/>
      <c r="B102" s="753"/>
      <c r="C102" s="753"/>
      <c r="D102" s="753"/>
      <c r="E102" s="753"/>
      <c r="F102" s="753"/>
      <c r="G102" s="509"/>
      <c r="H102" s="492"/>
      <c r="I102" s="525" t="s">
        <v>104</v>
      </c>
      <c r="J102" s="525"/>
      <c r="K102" s="525"/>
      <c r="L102" s="525"/>
      <c r="M102" s="750"/>
      <c r="N102" s="751"/>
      <c r="O102" s="751"/>
      <c r="P102" s="751"/>
      <c r="Q102" s="751"/>
      <c r="R102" s="751"/>
      <c r="S102" s="751"/>
      <c r="T102" s="751"/>
      <c r="U102" s="751"/>
      <c r="V102" s="751"/>
      <c r="W102" s="494"/>
      <c r="X102" s="492"/>
      <c r="Y102" s="753" t="s">
        <v>104</v>
      </c>
      <c r="Z102" s="753"/>
      <c r="AA102" s="753"/>
      <c r="AB102" s="753" t="s">
        <v>477</v>
      </c>
      <c r="AC102" s="968"/>
      <c r="AD102" s="976"/>
      <c r="AE102" s="976"/>
      <c r="AF102" s="976"/>
      <c r="AG102" s="976"/>
      <c r="AH102" s="976"/>
      <c r="AI102" s="976"/>
      <c r="AJ102" s="976"/>
      <c r="AK102" s="976"/>
      <c r="AL102" s="976"/>
      <c r="AM102" s="976"/>
      <c r="AN102" s="976"/>
      <c r="AO102" s="976"/>
      <c r="AP102" s="976"/>
      <c r="AQ102" s="976"/>
      <c r="AR102" s="976"/>
      <c r="AS102" s="976"/>
      <c r="AT102" s="976"/>
      <c r="AU102" s="976"/>
      <c r="AV102" s="976"/>
      <c r="AW102" s="976"/>
      <c r="AX102" s="976"/>
      <c r="AY102" s="976"/>
      <c r="AZ102" s="976"/>
      <c r="BA102" s="976"/>
      <c r="BB102" s="976"/>
      <c r="BC102" s="976"/>
      <c r="BD102" s="976"/>
      <c r="BE102" s="976"/>
      <c r="BF102" s="976"/>
      <c r="BG102" s="976"/>
      <c r="BH102" s="976"/>
      <c r="BI102" s="509" t="s">
        <v>466</v>
      </c>
    </row>
    <row r="103" spans="1:61" ht="13.5" customHeight="1">
      <c r="A103" s="511"/>
      <c r="B103" s="512"/>
      <c r="C103" s="512"/>
      <c r="D103" s="512"/>
      <c r="E103" s="512"/>
      <c r="F103" s="512"/>
      <c r="G103" s="513"/>
      <c r="H103" s="501"/>
      <c r="I103" s="531"/>
      <c r="J103" s="531"/>
      <c r="K103" s="531"/>
      <c r="L103" s="531"/>
      <c r="M103" s="532"/>
      <c r="N103" s="533"/>
      <c r="O103" s="533"/>
      <c r="P103" s="533"/>
      <c r="Q103" s="533"/>
      <c r="R103" s="533"/>
      <c r="S103" s="533"/>
      <c r="T103" s="533"/>
      <c r="U103" s="533"/>
      <c r="V103" s="533"/>
      <c r="W103" s="503"/>
      <c r="X103" s="501"/>
      <c r="Y103" s="512"/>
      <c r="Z103" s="512"/>
      <c r="AA103" s="512"/>
      <c r="AB103" s="512"/>
      <c r="AC103" s="512"/>
      <c r="AD103" s="512"/>
      <c r="AE103" s="512"/>
      <c r="AF103" s="512"/>
      <c r="AG103" s="512"/>
      <c r="AH103" s="512"/>
      <c r="AI103" s="512"/>
      <c r="AJ103" s="512"/>
      <c r="AK103" s="512"/>
      <c r="AL103" s="512"/>
      <c r="AM103" s="512"/>
      <c r="AN103" s="512"/>
      <c r="AO103" s="512"/>
      <c r="AP103" s="512"/>
      <c r="AQ103" s="512"/>
      <c r="AR103" s="512"/>
      <c r="AS103" s="512"/>
      <c r="AT103" s="512"/>
      <c r="AU103" s="512"/>
      <c r="AV103" s="512"/>
      <c r="AW103" s="512"/>
      <c r="AX103" s="512"/>
      <c r="AY103" s="512"/>
      <c r="AZ103" s="512"/>
      <c r="BA103" s="512"/>
      <c r="BB103" s="512"/>
      <c r="BC103" s="512"/>
      <c r="BD103" s="512"/>
      <c r="BE103" s="512"/>
      <c r="BF103" s="512"/>
      <c r="BG103" s="512"/>
      <c r="BH103" s="512"/>
      <c r="BI103" s="513"/>
    </row>
    <row r="104" spans="1:61" ht="13.5" customHeight="1">
      <c r="A104" s="984" t="s">
        <v>214</v>
      </c>
      <c r="B104" s="994"/>
      <c r="C104" s="994"/>
      <c r="D104" s="994"/>
      <c r="E104" s="994"/>
      <c r="F104" s="994"/>
      <c r="G104" s="995"/>
      <c r="H104" s="489"/>
      <c r="I104" s="528" t="s">
        <v>215</v>
      </c>
      <c r="J104" s="528"/>
      <c r="K104" s="528"/>
      <c r="L104" s="528"/>
      <c r="M104" s="529"/>
      <c r="N104" s="530"/>
      <c r="O104" s="530"/>
      <c r="P104" s="530"/>
      <c r="Q104" s="530"/>
      <c r="R104" s="530"/>
      <c r="S104" s="530"/>
      <c r="T104" s="530"/>
      <c r="U104" s="530"/>
      <c r="V104" s="530"/>
      <c r="W104" s="491"/>
      <c r="X104" s="489"/>
      <c r="Y104" s="746" t="s">
        <v>216</v>
      </c>
      <c r="Z104" s="746"/>
      <c r="AA104" s="746"/>
      <c r="AB104" s="746"/>
      <c r="AC104" s="746"/>
      <c r="AD104" s="746"/>
      <c r="AE104" s="746"/>
      <c r="AF104" s="746" t="s">
        <v>467</v>
      </c>
      <c r="AG104" s="988"/>
      <c r="AH104" s="988"/>
      <c r="AI104" s="988"/>
      <c r="AJ104" s="988"/>
      <c r="AK104" s="988"/>
      <c r="AL104" s="988"/>
      <c r="AM104" s="988"/>
      <c r="AN104" s="988"/>
      <c r="AO104" s="988"/>
      <c r="AP104" s="988"/>
      <c r="AQ104" s="988"/>
      <c r="AR104" s="988"/>
      <c r="AS104" s="988"/>
      <c r="AT104" s="988"/>
      <c r="AU104" s="988"/>
      <c r="AV104" s="988"/>
      <c r="AW104" s="988"/>
      <c r="AX104" s="988"/>
      <c r="AY104" s="988"/>
      <c r="AZ104" s="988"/>
      <c r="BA104" s="988"/>
      <c r="BB104" s="988"/>
      <c r="BC104" s="988"/>
      <c r="BD104" s="988"/>
      <c r="BE104" s="988"/>
      <c r="BF104" s="988"/>
      <c r="BG104" s="988"/>
      <c r="BH104" s="988"/>
      <c r="BI104" s="506" t="s">
        <v>447</v>
      </c>
    </row>
    <row r="105" spans="1:61" ht="13.5" customHeight="1">
      <c r="A105" s="996"/>
      <c r="B105" s="997"/>
      <c r="C105" s="997"/>
      <c r="D105" s="997"/>
      <c r="E105" s="997"/>
      <c r="F105" s="997"/>
      <c r="G105" s="998"/>
      <c r="H105" s="492"/>
      <c r="I105" s="525" t="s">
        <v>217</v>
      </c>
      <c r="J105" s="525"/>
      <c r="K105" s="525"/>
      <c r="L105" s="525"/>
      <c r="M105" s="750"/>
      <c r="N105" s="751"/>
      <c r="O105" s="751"/>
      <c r="P105" s="751"/>
      <c r="Q105" s="751"/>
      <c r="R105" s="751"/>
      <c r="S105" s="751"/>
      <c r="T105" s="751"/>
      <c r="U105" s="751"/>
      <c r="V105" s="751"/>
      <c r="W105" s="494"/>
      <c r="X105" s="492"/>
      <c r="Y105" s="753" t="s">
        <v>137</v>
      </c>
      <c r="Z105" s="753"/>
      <c r="AA105" s="753"/>
      <c r="AB105" s="753"/>
      <c r="AC105" s="753" t="s">
        <v>467</v>
      </c>
      <c r="AD105" s="968"/>
      <c r="AE105" s="968"/>
      <c r="AF105" s="968"/>
      <c r="AG105" s="968"/>
      <c r="AH105" s="968"/>
      <c r="AI105" s="968"/>
      <c r="AJ105" s="968"/>
      <c r="AK105" s="968"/>
      <c r="AL105" s="968"/>
      <c r="AM105" s="968"/>
      <c r="AN105" s="968"/>
      <c r="AO105" s="968"/>
      <c r="AP105" s="968"/>
      <c r="AQ105" s="968"/>
      <c r="AR105" s="968"/>
      <c r="AS105" s="968"/>
      <c r="AT105" s="968"/>
      <c r="AU105" s="968"/>
      <c r="AV105" s="968"/>
      <c r="AW105" s="968"/>
      <c r="AX105" s="968"/>
      <c r="AY105" s="968"/>
      <c r="AZ105" s="968"/>
      <c r="BA105" s="968"/>
      <c r="BB105" s="968"/>
      <c r="BC105" s="968"/>
      <c r="BD105" s="968"/>
      <c r="BE105" s="968"/>
      <c r="BF105" s="968"/>
      <c r="BG105" s="968"/>
      <c r="BH105" s="968"/>
      <c r="BI105" s="509" t="s">
        <v>447</v>
      </c>
    </row>
    <row r="106" spans="1:61" ht="13.5" customHeight="1">
      <c r="A106" s="747"/>
      <c r="B106" s="748"/>
      <c r="C106" s="748"/>
      <c r="D106" s="748"/>
      <c r="E106" s="748"/>
      <c r="F106" s="748"/>
      <c r="G106" s="749"/>
      <c r="H106" s="492"/>
      <c r="I106" s="525"/>
      <c r="J106" s="525"/>
      <c r="K106" s="525"/>
      <c r="L106" s="525"/>
      <c r="M106" s="750"/>
      <c r="N106" s="751"/>
      <c r="O106" s="751"/>
      <c r="P106" s="751"/>
      <c r="Q106" s="751"/>
      <c r="R106" s="751"/>
      <c r="S106" s="751"/>
      <c r="T106" s="751"/>
      <c r="U106" s="751"/>
      <c r="V106" s="751"/>
      <c r="W106" s="494"/>
      <c r="X106" s="492"/>
      <c r="Y106" s="753" t="s">
        <v>104</v>
      </c>
      <c r="Z106" s="753"/>
      <c r="AA106" s="753"/>
      <c r="AB106" s="753" t="s">
        <v>451</v>
      </c>
      <c r="AC106" s="968"/>
      <c r="AD106" s="968"/>
      <c r="AE106" s="968"/>
      <c r="AF106" s="968"/>
      <c r="AG106" s="968"/>
      <c r="AH106" s="968"/>
      <c r="AI106" s="968"/>
      <c r="AJ106" s="968"/>
      <c r="AK106" s="968"/>
      <c r="AL106" s="968"/>
      <c r="AM106" s="968"/>
      <c r="AN106" s="968"/>
      <c r="AO106" s="968"/>
      <c r="AP106" s="968"/>
      <c r="AQ106" s="968"/>
      <c r="AR106" s="968"/>
      <c r="AS106" s="968"/>
      <c r="AT106" s="968"/>
      <c r="AU106" s="968"/>
      <c r="AV106" s="968"/>
      <c r="AW106" s="968"/>
      <c r="AX106" s="968"/>
      <c r="AY106" s="968"/>
      <c r="AZ106" s="968"/>
      <c r="BA106" s="968"/>
      <c r="BB106" s="968"/>
      <c r="BC106" s="968"/>
      <c r="BD106" s="968"/>
      <c r="BE106" s="968"/>
      <c r="BF106" s="968"/>
      <c r="BG106" s="968"/>
      <c r="BH106" s="968"/>
      <c r="BI106" s="509" t="s">
        <v>478</v>
      </c>
    </row>
    <row r="107" spans="1:61" ht="13.5" customHeight="1">
      <c r="A107" s="498"/>
      <c r="B107" s="499"/>
      <c r="C107" s="499"/>
      <c r="D107" s="499"/>
      <c r="E107" s="499"/>
      <c r="F107" s="499"/>
      <c r="G107" s="500"/>
      <c r="H107" s="501"/>
      <c r="I107" s="531"/>
      <c r="J107" s="531"/>
      <c r="K107" s="531"/>
      <c r="L107" s="531"/>
      <c r="M107" s="532"/>
      <c r="N107" s="533"/>
      <c r="O107" s="533"/>
      <c r="P107" s="533"/>
      <c r="Q107" s="533"/>
      <c r="R107" s="533"/>
      <c r="S107" s="533"/>
      <c r="T107" s="533"/>
      <c r="U107" s="533"/>
      <c r="V107" s="533"/>
      <c r="W107" s="503"/>
      <c r="X107" s="501"/>
      <c r="Y107" s="512"/>
      <c r="Z107" s="512"/>
      <c r="AA107" s="512"/>
      <c r="AB107" s="512"/>
      <c r="AC107" s="512"/>
      <c r="AD107" s="512"/>
      <c r="AE107" s="512"/>
      <c r="AF107" s="512"/>
      <c r="AG107" s="512"/>
      <c r="AH107" s="512"/>
      <c r="AI107" s="512"/>
      <c r="AJ107" s="512"/>
      <c r="AK107" s="512"/>
      <c r="AL107" s="512"/>
      <c r="AM107" s="512"/>
      <c r="AN107" s="512"/>
      <c r="AO107" s="512"/>
      <c r="AP107" s="512"/>
      <c r="AQ107" s="512"/>
      <c r="AR107" s="512"/>
      <c r="AS107" s="512"/>
      <c r="AT107" s="512"/>
      <c r="AU107" s="512"/>
      <c r="AV107" s="512"/>
      <c r="AW107" s="512"/>
      <c r="AX107" s="512"/>
      <c r="AY107" s="512"/>
      <c r="AZ107" s="512"/>
      <c r="BA107" s="512"/>
      <c r="BB107" s="512"/>
      <c r="BC107" s="512"/>
      <c r="BD107" s="512"/>
      <c r="BE107" s="512"/>
      <c r="BF107" s="512"/>
      <c r="BG107" s="512"/>
      <c r="BH107" s="512"/>
      <c r="BI107" s="513"/>
    </row>
    <row r="108" spans="1:61" ht="13.5" customHeight="1">
      <c r="A108" s="973" t="s">
        <v>218</v>
      </c>
      <c r="B108" s="999"/>
      <c r="C108" s="999"/>
      <c r="D108" s="999"/>
      <c r="E108" s="999"/>
      <c r="F108" s="999"/>
      <c r="G108" s="1000"/>
      <c r="H108" s="489"/>
      <c r="I108" s="528" t="s">
        <v>219</v>
      </c>
      <c r="J108" s="528"/>
      <c r="K108" s="528"/>
      <c r="L108" s="528"/>
      <c r="M108" s="529"/>
      <c r="N108" s="530"/>
      <c r="O108" s="530"/>
      <c r="P108" s="530"/>
      <c r="Q108" s="530"/>
      <c r="R108" s="530"/>
      <c r="S108" s="530"/>
      <c r="T108" s="530"/>
      <c r="U108" s="530"/>
      <c r="V108" s="530"/>
      <c r="W108" s="491"/>
      <c r="X108" s="489"/>
      <c r="Y108" s="746" t="s">
        <v>220</v>
      </c>
      <c r="Z108" s="746"/>
      <c r="AA108" s="746"/>
      <c r="AB108" s="746"/>
      <c r="AC108" s="746"/>
      <c r="AD108" s="746"/>
      <c r="AE108" s="746"/>
      <c r="AF108" s="746"/>
      <c r="AG108" s="746"/>
      <c r="AH108" s="746"/>
      <c r="AI108" s="746"/>
      <c r="AJ108" s="746"/>
      <c r="AK108" s="746"/>
      <c r="AL108" s="746"/>
      <c r="AM108" s="746"/>
      <c r="AN108" s="746"/>
      <c r="AO108" s="746"/>
      <c r="AP108" s="746"/>
      <c r="AQ108" s="746"/>
      <c r="AR108" s="746"/>
      <c r="AS108" s="746"/>
      <c r="AT108" s="746"/>
      <c r="AU108" s="746"/>
      <c r="AV108" s="746"/>
      <c r="AW108" s="746"/>
      <c r="AX108" s="746"/>
      <c r="AY108" s="746"/>
      <c r="AZ108" s="746"/>
      <c r="BA108" s="746"/>
      <c r="BB108" s="746"/>
      <c r="BC108" s="746"/>
      <c r="BD108" s="746"/>
      <c r="BE108" s="746"/>
      <c r="BF108" s="746"/>
      <c r="BG108" s="746"/>
      <c r="BH108" s="746"/>
      <c r="BI108" s="506"/>
    </row>
    <row r="109" spans="1:61" ht="13.5" customHeight="1">
      <c r="A109" s="747"/>
      <c r="B109" s="748"/>
      <c r="C109" s="748"/>
      <c r="D109" s="748"/>
      <c r="E109" s="748"/>
      <c r="F109" s="748"/>
      <c r="G109" s="749"/>
      <c r="H109" s="492"/>
      <c r="I109" s="525"/>
      <c r="J109" s="525"/>
      <c r="K109" s="525"/>
      <c r="L109" s="525"/>
      <c r="M109" s="750"/>
      <c r="N109" s="751"/>
      <c r="O109" s="751"/>
      <c r="P109" s="751"/>
      <c r="Q109" s="751"/>
      <c r="R109" s="751"/>
      <c r="S109" s="751"/>
      <c r="T109" s="751"/>
      <c r="U109" s="751"/>
      <c r="V109" s="751"/>
      <c r="W109" s="494"/>
      <c r="X109" s="492"/>
      <c r="Y109" s="753"/>
      <c r="Z109" s="753" t="s">
        <v>221</v>
      </c>
      <c r="AA109" s="753"/>
      <c r="AB109" s="753"/>
      <c r="AC109" s="753"/>
      <c r="AD109" s="753" t="s">
        <v>455</v>
      </c>
      <c r="AE109" s="968"/>
      <c r="AF109" s="968"/>
      <c r="AG109" s="968"/>
      <c r="AH109" s="968"/>
      <c r="AI109" s="968"/>
      <c r="AJ109" s="968"/>
      <c r="AK109" s="968"/>
      <c r="AL109" s="968"/>
      <c r="AM109" s="968"/>
      <c r="AN109" s="968"/>
      <c r="AO109" s="753" t="s">
        <v>479</v>
      </c>
      <c r="AP109" s="753"/>
      <c r="AQ109" s="753" t="s">
        <v>222</v>
      </c>
      <c r="AR109" s="753"/>
      <c r="AS109" s="753"/>
      <c r="AT109" s="753"/>
      <c r="AU109" s="753" t="s">
        <v>467</v>
      </c>
      <c r="AV109" s="968"/>
      <c r="AW109" s="968"/>
      <c r="AX109" s="968"/>
      <c r="AY109" s="968"/>
      <c r="AZ109" s="968"/>
      <c r="BA109" s="968"/>
      <c r="BB109" s="968"/>
      <c r="BC109" s="968"/>
      <c r="BD109" s="968"/>
      <c r="BE109" s="968"/>
      <c r="BF109" s="968"/>
      <c r="BG109" s="968"/>
      <c r="BH109" s="968"/>
      <c r="BI109" s="509" t="s">
        <v>478</v>
      </c>
    </row>
    <row r="110" spans="1:61" ht="13.5" customHeight="1">
      <c r="A110" s="747"/>
      <c r="B110" s="748"/>
      <c r="C110" s="748"/>
      <c r="D110" s="748"/>
      <c r="E110" s="748"/>
      <c r="F110" s="748"/>
      <c r="G110" s="749"/>
      <c r="H110" s="492"/>
      <c r="I110" s="525"/>
      <c r="J110" s="525"/>
      <c r="K110" s="525"/>
      <c r="L110" s="525"/>
      <c r="M110" s="750"/>
      <c r="N110" s="751"/>
      <c r="O110" s="751"/>
      <c r="P110" s="751"/>
      <c r="Q110" s="751"/>
      <c r="R110" s="751"/>
      <c r="S110" s="751"/>
      <c r="T110" s="751"/>
      <c r="U110" s="751"/>
      <c r="V110" s="751"/>
      <c r="W110" s="494"/>
      <c r="X110" s="492"/>
      <c r="Y110" s="753"/>
      <c r="Z110" s="753" t="s">
        <v>223</v>
      </c>
      <c r="AA110" s="753"/>
      <c r="AB110" s="753"/>
      <c r="AC110" s="753"/>
      <c r="AD110" s="753" t="s">
        <v>475</v>
      </c>
      <c r="AE110" s="968"/>
      <c r="AF110" s="968"/>
      <c r="AG110" s="968"/>
      <c r="AH110" s="968"/>
      <c r="AI110" s="968"/>
      <c r="AJ110" s="968"/>
      <c r="AK110" s="968"/>
      <c r="AL110" s="968"/>
      <c r="AM110" s="968"/>
      <c r="AN110" s="968"/>
      <c r="AO110" s="753" t="s">
        <v>466</v>
      </c>
      <c r="AP110" s="753"/>
      <c r="AQ110" s="753" t="s">
        <v>224</v>
      </c>
      <c r="AR110" s="753"/>
      <c r="AS110" s="753"/>
      <c r="AT110" s="753"/>
      <c r="AU110" s="753" t="s">
        <v>105</v>
      </c>
      <c r="AV110" s="968"/>
      <c r="AW110" s="968"/>
      <c r="AX110" s="968"/>
      <c r="AY110" s="968"/>
      <c r="AZ110" s="968"/>
      <c r="BA110" s="968"/>
      <c r="BB110" s="968"/>
      <c r="BC110" s="968"/>
      <c r="BD110" s="968"/>
      <c r="BE110" s="968"/>
      <c r="BF110" s="968"/>
      <c r="BG110" s="968"/>
      <c r="BH110" s="968"/>
      <c r="BI110" s="509" t="s">
        <v>466</v>
      </c>
    </row>
    <row r="111" spans="1:61" ht="13.5" customHeight="1">
      <c r="A111" s="747"/>
      <c r="B111" s="748"/>
      <c r="C111" s="748"/>
      <c r="D111" s="748"/>
      <c r="E111" s="748"/>
      <c r="F111" s="748"/>
      <c r="G111" s="749"/>
      <c r="H111" s="492"/>
      <c r="I111" s="525"/>
      <c r="J111" s="525"/>
      <c r="K111" s="525"/>
      <c r="L111" s="525"/>
      <c r="M111" s="750"/>
      <c r="N111" s="751"/>
      <c r="O111" s="751"/>
      <c r="P111" s="751"/>
      <c r="Q111" s="751"/>
      <c r="R111" s="751"/>
      <c r="S111" s="751"/>
      <c r="T111" s="751"/>
      <c r="U111" s="751"/>
      <c r="V111" s="751"/>
      <c r="W111" s="494"/>
      <c r="X111" s="492"/>
      <c r="Y111" s="753"/>
      <c r="Z111" s="753" t="s">
        <v>104</v>
      </c>
      <c r="AA111" s="753"/>
      <c r="AB111" s="753"/>
      <c r="AC111" s="753" t="s">
        <v>467</v>
      </c>
      <c r="AD111" s="968"/>
      <c r="AE111" s="968"/>
      <c r="AF111" s="968"/>
      <c r="AG111" s="968"/>
      <c r="AH111" s="968"/>
      <c r="AI111" s="968"/>
      <c r="AJ111" s="968"/>
      <c r="AK111" s="968"/>
      <c r="AL111" s="968"/>
      <c r="AM111" s="968"/>
      <c r="AN111" s="968"/>
      <c r="AO111" s="753" t="s">
        <v>466</v>
      </c>
      <c r="AP111" s="753"/>
      <c r="AQ111" s="753" t="s">
        <v>107</v>
      </c>
      <c r="AR111" s="753"/>
      <c r="AS111" s="753"/>
      <c r="AT111" s="753"/>
      <c r="AU111" s="753"/>
      <c r="AV111" s="753"/>
      <c r="AW111" s="753"/>
      <c r="AX111" s="753"/>
      <c r="AY111" s="753"/>
      <c r="AZ111" s="753"/>
      <c r="BA111" s="753"/>
      <c r="BB111" s="753"/>
      <c r="BC111" s="753"/>
      <c r="BD111" s="753"/>
      <c r="BE111" s="753"/>
      <c r="BF111" s="753"/>
      <c r="BG111" s="753"/>
      <c r="BH111" s="753"/>
      <c r="BI111" s="509"/>
    </row>
    <row r="112" spans="1:61" ht="13.5" customHeight="1">
      <c r="A112" s="747"/>
      <c r="B112" s="748"/>
      <c r="C112" s="748"/>
      <c r="D112" s="748"/>
      <c r="E112" s="748"/>
      <c r="F112" s="748"/>
      <c r="G112" s="749"/>
      <c r="H112" s="492"/>
      <c r="I112" s="525" t="s">
        <v>225</v>
      </c>
      <c r="J112" s="525"/>
      <c r="K112" s="525"/>
      <c r="L112" s="525"/>
      <c r="M112" s="750"/>
      <c r="N112" s="751"/>
      <c r="O112" s="751"/>
      <c r="P112" s="751"/>
      <c r="Q112" s="751"/>
      <c r="R112" s="751"/>
      <c r="S112" s="751"/>
      <c r="T112" s="751"/>
      <c r="U112" s="751"/>
      <c r="V112" s="751"/>
      <c r="W112" s="494"/>
      <c r="X112" s="492"/>
      <c r="Y112" s="753" t="s">
        <v>226</v>
      </c>
      <c r="Z112" s="753"/>
      <c r="AA112" s="753"/>
      <c r="AB112" s="753"/>
      <c r="AC112" s="753" t="s">
        <v>467</v>
      </c>
      <c r="AD112" s="968"/>
      <c r="AE112" s="968"/>
      <c r="AF112" s="968"/>
      <c r="AG112" s="968"/>
      <c r="AH112" s="968"/>
      <c r="AI112" s="968"/>
      <c r="AJ112" s="968"/>
      <c r="AK112" s="968"/>
      <c r="AL112" s="968"/>
      <c r="AM112" s="968"/>
      <c r="AN112" s="968"/>
      <c r="AO112" s="968"/>
      <c r="AP112" s="968"/>
      <c r="AQ112" s="968"/>
      <c r="AR112" s="968"/>
      <c r="AS112" s="968"/>
      <c r="AT112" s="968"/>
      <c r="AU112" s="968"/>
      <c r="AV112" s="968"/>
      <c r="AW112" s="968"/>
      <c r="AX112" s="968"/>
      <c r="AY112" s="968"/>
      <c r="AZ112" s="968"/>
      <c r="BA112" s="968"/>
      <c r="BB112" s="968"/>
      <c r="BC112" s="968"/>
      <c r="BD112" s="968"/>
      <c r="BE112" s="968"/>
      <c r="BF112" s="968"/>
      <c r="BG112" s="968"/>
      <c r="BH112" s="968"/>
      <c r="BI112" s="509" t="s">
        <v>466</v>
      </c>
    </row>
    <row r="113" spans="1:61" ht="13.5" customHeight="1">
      <c r="A113" s="747"/>
      <c r="B113" s="748"/>
      <c r="C113" s="748"/>
      <c r="D113" s="748"/>
      <c r="E113" s="748"/>
      <c r="F113" s="748"/>
      <c r="G113" s="749"/>
      <c r="H113" s="492"/>
      <c r="I113" s="525"/>
      <c r="J113" s="525"/>
      <c r="K113" s="525"/>
      <c r="L113" s="525"/>
      <c r="M113" s="750"/>
      <c r="N113" s="751"/>
      <c r="O113" s="751"/>
      <c r="P113" s="751"/>
      <c r="Q113" s="751"/>
      <c r="R113" s="751"/>
      <c r="S113" s="751"/>
      <c r="T113" s="751"/>
      <c r="U113" s="751"/>
      <c r="V113" s="751"/>
      <c r="W113" s="494"/>
      <c r="X113" s="492"/>
      <c r="Y113" s="753" t="s">
        <v>227</v>
      </c>
      <c r="Z113" s="753"/>
      <c r="AA113" s="753"/>
      <c r="AB113" s="753"/>
      <c r="AC113" s="753" t="s">
        <v>475</v>
      </c>
      <c r="AD113" s="968"/>
      <c r="AE113" s="968"/>
      <c r="AF113" s="968"/>
      <c r="AG113" s="968"/>
      <c r="AH113" s="968"/>
      <c r="AI113" s="968"/>
      <c r="AJ113" s="968"/>
      <c r="AK113" s="968"/>
      <c r="AL113" s="968"/>
      <c r="AM113" s="968"/>
      <c r="AN113" s="968"/>
      <c r="AO113" s="968"/>
      <c r="AP113" s="968"/>
      <c r="AQ113" s="968"/>
      <c r="AR113" s="968"/>
      <c r="AS113" s="968"/>
      <c r="AT113" s="968"/>
      <c r="AU113" s="968"/>
      <c r="AV113" s="968"/>
      <c r="AW113" s="968"/>
      <c r="AX113" s="968"/>
      <c r="AY113" s="968"/>
      <c r="AZ113" s="968"/>
      <c r="BA113" s="968"/>
      <c r="BB113" s="968"/>
      <c r="BC113" s="968"/>
      <c r="BD113" s="968"/>
      <c r="BE113" s="968"/>
      <c r="BF113" s="968"/>
      <c r="BG113" s="968"/>
      <c r="BH113" s="968"/>
      <c r="BI113" s="509" t="s">
        <v>466</v>
      </c>
    </row>
    <row r="114" spans="1:61" ht="13.5" customHeight="1">
      <c r="A114" s="747"/>
      <c r="B114" s="748"/>
      <c r="C114" s="748"/>
      <c r="D114" s="748"/>
      <c r="E114" s="748"/>
      <c r="F114" s="748"/>
      <c r="G114" s="749"/>
      <c r="H114" s="492"/>
      <c r="I114" s="525" t="s">
        <v>228</v>
      </c>
      <c r="J114" s="525"/>
      <c r="K114" s="525"/>
      <c r="L114" s="525"/>
      <c r="M114" s="750"/>
      <c r="N114" s="751"/>
      <c r="O114" s="751"/>
      <c r="P114" s="751"/>
      <c r="Q114" s="751"/>
      <c r="R114" s="751"/>
      <c r="S114" s="751"/>
      <c r="T114" s="751"/>
      <c r="U114" s="751"/>
      <c r="V114" s="751"/>
      <c r="W114" s="494"/>
      <c r="X114" s="492"/>
      <c r="Y114" s="753"/>
      <c r="Z114" s="753"/>
      <c r="AA114" s="753"/>
      <c r="AB114" s="753"/>
      <c r="AC114" s="753"/>
      <c r="AD114" s="753"/>
      <c r="AE114" s="753"/>
      <c r="AF114" s="753"/>
      <c r="AG114" s="753"/>
      <c r="AH114" s="753"/>
      <c r="AI114" s="753"/>
      <c r="AJ114" s="753"/>
      <c r="AK114" s="753"/>
      <c r="AL114" s="753"/>
      <c r="AM114" s="753"/>
      <c r="AN114" s="753"/>
      <c r="AO114" s="753"/>
      <c r="AP114" s="753"/>
      <c r="AQ114" s="753"/>
      <c r="AR114" s="753"/>
      <c r="AS114" s="753"/>
      <c r="AT114" s="753"/>
      <c r="AU114" s="753"/>
      <c r="AV114" s="753"/>
      <c r="AW114" s="753"/>
      <c r="AX114" s="753"/>
      <c r="AY114" s="753"/>
      <c r="AZ114" s="753"/>
      <c r="BA114" s="753"/>
      <c r="BB114" s="753"/>
      <c r="BC114" s="753"/>
      <c r="BD114" s="753"/>
      <c r="BE114" s="753"/>
      <c r="BF114" s="753"/>
      <c r="BG114" s="753"/>
      <c r="BH114" s="753"/>
      <c r="BI114" s="509"/>
    </row>
    <row r="115" spans="1:61" ht="13.5" customHeight="1">
      <c r="A115" s="747"/>
      <c r="B115" s="748"/>
      <c r="C115" s="748"/>
      <c r="D115" s="748"/>
      <c r="E115" s="748"/>
      <c r="F115" s="748"/>
      <c r="G115" s="749"/>
      <c r="H115" s="492"/>
      <c r="I115" s="525" t="s">
        <v>229</v>
      </c>
      <c r="J115" s="525"/>
      <c r="K115" s="525"/>
      <c r="L115" s="525"/>
      <c r="M115" s="750"/>
      <c r="N115" s="751"/>
      <c r="O115" s="751"/>
      <c r="P115" s="751"/>
      <c r="Q115" s="751"/>
      <c r="R115" s="751"/>
      <c r="S115" s="751"/>
      <c r="T115" s="751"/>
      <c r="U115" s="751"/>
      <c r="V115" s="751"/>
      <c r="W115" s="494"/>
      <c r="X115" s="492"/>
      <c r="Y115" s="753"/>
      <c r="Z115" s="753"/>
      <c r="AA115" s="753"/>
      <c r="AB115" s="753"/>
      <c r="AC115" s="753"/>
      <c r="AD115" s="753"/>
      <c r="AE115" s="753"/>
      <c r="AF115" s="753"/>
      <c r="AG115" s="753"/>
      <c r="AH115" s="753"/>
      <c r="AI115" s="753"/>
      <c r="AJ115" s="753"/>
      <c r="AK115" s="753"/>
      <c r="AL115" s="753"/>
      <c r="AM115" s="753"/>
      <c r="AN115" s="753"/>
      <c r="AO115" s="753"/>
      <c r="AP115" s="753"/>
      <c r="AQ115" s="753"/>
      <c r="AR115" s="753"/>
      <c r="AS115" s="753"/>
      <c r="AT115" s="753"/>
      <c r="AU115" s="753"/>
      <c r="AV115" s="753"/>
      <c r="AW115" s="753"/>
      <c r="AX115" s="753"/>
      <c r="AY115" s="753"/>
      <c r="AZ115" s="753"/>
      <c r="BA115" s="753"/>
      <c r="BB115" s="753"/>
      <c r="BC115" s="753"/>
      <c r="BD115" s="753"/>
      <c r="BE115" s="753"/>
      <c r="BF115" s="753"/>
      <c r="BG115" s="753"/>
      <c r="BH115" s="753"/>
      <c r="BI115" s="509"/>
    </row>
    <row r="116" spans="1:61" ht="13.5" customHeight="1">
      <c r="A116" s="747"/>
      <c r="B116" s="748"/>
      <c r="C116" s="748"/>
      <c r="D116" s="748"/>
      <c r="E116" s="748"/>
      <c r="F116" s="748"/>
      <c r="G116" s="749"/>
      <c r="H116" s="492"/>
      <c r="I116" s="525" t="s">
        <v>104</v>
      </c>
      <c r="J116" s="525"/>
      <c r="K116" s="525"/>
      <c r="L116" s="525"/>
      <c r="M116" s="750"/>
      <c r="N116" s="751"/>
      <c r="O116" s="751"/>
      <c r="P116" s="751"/>
      <c r="Q116" s="751"/>
      <c r="R116" s="751"/>
      <c r="S116" s="751"/>
      <c r="T116" s="751"/>
      <c r="U116" s="751"/>
      <c r="V116" s="751"/>
      <c r="W116" s="494"/>
      <c r="X116" s="492"/>
      <c r="Y116" s="753" t="s">
        <v>104</v>
      </c>
      <c r="Z116" s="753"/>
      <c r="AA116" s="753"/>
      <c r="AB116" s="753"/>
      <c r="AC116" s="753"/>
      <c r="AD116" s="753"/>
      <c r="AE116" s="753"/>
      <c r="AF116" s="753"/>
      <c r="AG116" s="753"/>
      <c r="AH116" s="753"/>
      <c r="AI116" s="753"/>
      <c r="AJ116" s="753"/>
      <c r="AK116" s="753"/>
      <c r="AL116" s="753"/>
      <c r="AM116" s="753"/>
      <c r="AN116" s="753"/>
      <c r="AO116" s="753"/>
      <c r="AP116" s="753"/>
      <c r="AQ116" s="753"/>
      <c r="AR116" s="753"/>
      <c r="AS116" s="753"/>
      <c r="AT116" s="753"/>
      <c r="AU116" s="753"/>
      <c r="AV116" s="753"/>
      <c r="AW116" s="753"/>
      <c r="AX116" s="753"/>
      <c r="AY116" s="753"/>
      <c r="AZ116" s="753"/>
      <c r="BA116" s="753"/>
      <c r="BB116" s="753"/>
      <c r="BC116" s="753"/>
      <c r="BD116" s="753"/>
      <c r="BE116" s="753"/>
      <c r="BF116" s="753"/>
      <c r="BG116" s="753"/>
      <c r="BH116" s="753"/>
      <c r="BI116" s="509"/>
    </row>
    <row r="117" spans="1:61" ht="13.5" customHeight="1">
      <c r="A117" s="747"/>
      <c r="B117" s="748"/>
      <c r="C117" s="748"/>
      <c r="D117" s="748"/>
      <c r="E117" s="748"/>
      <c r="F117" s="748"/>
      <c r="G117" s="749"/>
      <c r="H117" s="492"/>
      <c r="I117" s="525"/>
      <c r="J117" s="525"/>
      <c r="K117" s="525"/>
      <c r="L117" s="525"/>
      <c r="M117" s="750"/>
      <c r="N117" s="751"/>
      <c r="O117" s="751"/>
      <c r="P117" s="751"/>
      <c r="Q117" s="751"/>
      <c r="R117" s="751"/>
      <c r="S117" s="751"/>
      <c r="T117" s="751"/>
      <c r="U117" s="751"/>
      <c r="V117" s="751"/>
      <c r="W117" s="494"/>
      <c r="X117" s="492"/>
      <c r="Y117" s="753"/>
      <c r="Z117" s="753"/>
      <c r="AA117" s="753"/>
      <c r="AB117" s="753"/>
      <c r="AC117" s="753"/>
      <c r="AD117" s="753"/>
      <c r="AE117" s="753"/>
      <c r="AF117" s="753"/>
      <c r="AG117" s="753"/>
      <c r="AH117" s="753"/>
      <c r="AI117" s="753"/>
      <c r="AJ117" s="753"/>
      <c r="AK117" s="753"/>
      <c r="AL117" s="753"/>
      <c r="AM117" s="753"/>
      <c r="AN117" s="753"/>
      <c r="AO117" s="753"/>
      <c r="AP117" s="753"/>
      <c r="AQ117" s="753"/>
      <c r="AR117" s="753"/>
      <c r="AS117" s="753"/>
      <c r="AT117" s="753"/>
      <c r="AU117" s="753"/>
      <c r="AV117" s="753"/>
      <c r="AW117" s="753"/>
      <c r="AX117" s="753"/>
      <c r="AY117" s="753"/>
      <c r="AZ117" s="753"/>
      <c r="BA117" s="753"/>
      <c r="BB117" s="753"/>
      <c r="BC117" s="753"/>
      <c r="BD117" s="753"/>
      <c r="BE117" s="753"/>
      <c r="BF117" s="753"/>
      <c r="BG117" s="753"/>
      <c r="BH117" s="753"/>
      <c r="BI117" s="509"/>
    </row>
    <row r="118" spans="1:61" ht="13.5" customHeight="1">
      <c r="A118" s="498"/>
      <c r="B118" s="499"/>
      <c r="C118" s="499"/>
      <c r="D118" s="499"/>
      <c r="E118" s="499"/>
      <c r="F118" s="499"/>
      <c r="G118" s="500"/>
      <c r="H118" s="501"/>
      <c r="I118" s="531"/>
      <c r="J118" s="531"/>
      <c r="K118" s="531"/>
      <c r="L118" s="531"/>
      <c r="M118" s="532"/>
      <c r="N118" s="533"/>
      <c r="O118" s="533"/>
      <c r="P118" s="533"/>
      <c r="Q118" s="533"/>
      <c r="R118" s="533"/>
      <c r="S118" s="533"/>
      <c r="T118" s="533"/>
      <c r="U118" s="533"/>
      <c r="V118" s="533"/>
      <c r="W118" s="503"/>
      <c r="X118" s="501"/>
      <c r="Y118" s="512"/>
      <c r="Z118" s="512"/>
      <c r="AA118" s="512"/>
      <c r="AB118" s="512"/>
      <c r="AC118" s="512"/>
      <c r="AD118" s="512"/>
      <c r="AE118" s="512"/>
      <c r="AF118" s="512"/>
      <c r="AG118" s="512"/>
      <c r="AH118" s="512"/>
      <c r="AI118" s="512"/>
      <c r="AJ118" s="512"/>
      <c r="AK118" s="512"/>
      <c r="AL118" s="512"/>
      <c r="AM118" s="512"/>
      <c r="AN118" s="512"/>
      <c r="AO118" s="512"/>
      <c r="AP118" s="512"/>
      <c r="AQ118" s="512"/>
      <c r="AR118" s="512"/>
      <c r="AS118" s="512"/>
      <c r="AT118" s="512"/>
      <c r="AU118" s="512"/>
      <c r="AV118" s="512"/>
      <c r="AW118" s="512"/>
      <c r="AX118" s="512"/>
      <c r="AY118" s="512"/>
      <c r="AZ118" s="512"/>
      <c r="BA118" s="512"/>
      <c r="BB118" s="512"/>
      <c r="BC118" s="512"/>
      <c r="BD118" s="512"/>
      <c r="BE118" s="512"/>
      <c r="BF118" s="512"/>
      <c r="BG118" s="512"/>
      <c r="BH118" s="512"/>
      <c r="BI118" s="513"/>
    </row>
    <row r="119" spans="1:61" ht="13.5" customHeight="1">
      <c r="A119" s="973" t="s">
        <v>230</v>
      </c>
      <c r="B119" s="999"/>
      <c r="C119" s="999"/>
      <c r="D119" s="999"/>
      <c r="E119" s="999"/>
      <c r="F119" s="999"/>
      <c r="G119" s="1000"/>
      <c r="H119" s="489"/>
      <c r="I119" s="528" t="s">
        <v>231</v>
      </c>
      <c r="J119" s="528"/>
      <c r="K119" s="528"/>
      <c r="L119" s="528"/>
      <c r="M119" s="529"/>
      <c r="N119" s="530"/>
      <c r="O119" s="530"/>
      <c r="P119" s="530"/>
      <c r="Q119" s="530"/>
      <c r="R119" s="530"/>
      <c r="S119" s="530"/>
      <c r="T119" s="530"/>
      <c r="U119" s="530"/>
      <c r="V119" s="530"/>
      <c r="W119" s="491"/>
      <c r="X119" s="489"/>
      <c r="Y119" s="746" t="s">
        <v>232</v>
      </c>
      <c r="Z119" s="746"/>
      <c r="AA119" s="746"/>
      <c r="AB119" s="746"/>
      <c r="AC119" s="746"/>
      <c r="AD119" s="746"/>
      <c r="AE119" s="746"/>
      <c r="AF119" s="746"/>
      <c r="AG119" s="746"/>
      <c r="AH119" s="746"/>
      <c r="AI119" s="746"/>
      <c r="AJ119" s="746"/>
      <c r="AK119" s="746"/>
      <c r="AL119" s="746"/>
      <c r="AM119" s="746"/>
      <c r="AN119" s="746"/>
      <c r="AO119" s="746"/>
      <c r="AP119" s="746"/>
      <c r="AQ119" s="746"/>
      <c r="AR119" s="746"/>
      <c r="AS119" s="746"/>
      <c r="AT119" s="746"/>
      <c r="AU119" s="746"/>
      <c r="AV119" s="746"/>
      <c r="AW119" s="746"/>
      <c r="AX119" s="746"/>
      <c r="AY119" s="746"/>
      <c r="AZ119" s="746"/>
      <c r="BA119" s="746"/>
      <c r="BB119" s="746"/>
      <c r="BC119" s="746"/>
      <c r="BD119" s="746"/>
      <c r="BE119" s="746"/>
      <c r="BF119" s="746"/>
      <c r="BG119" s="746"/>
      <c r="BH119" s="746"/>
      <c r="BI119" s="506"/>
    </row>
    <row r="120" spans="1:61" ht="13.5" customHeight="1">
      <c r="A120" s="747"/>
      <c r="B120" s="748"/>
      <c r="C120" s="748"/>
      <c r="D120" s="748"/>
      <c r="E120" s="748"/>
      <c r="F120" s="748"/>
      <c r="G120" s="749"/>
      <c r="H120" s="492"/>
      <c r="I120" s="525"/>
      <c r="J120" s="525"/>
      <c r="K120" s="525"/>
      <c r="L120" s="525"/>
      <c r="M120" s="750"/>
      <c r="N120" s="751"/>
      <c r="O120" s="751"/>
      <c r="P120" s="751"/>
      <c r="Q120" s="751"/>
      <c r="R120" s="751"/>
      <c r="S120" s="751"/>
      <c r="T120" s="751"/>
      <c r="U120" s="751"/>
      <c r="V120" s="751"/>
      <c r="W120" s="494"/>
      <c r="X120" s="492"/>
      <c r="Y120" s="753"/>
      <c r="Z120" s="753" t="s">
        <v>233</v>
      </c>
      <c r="AA120" s="753"/>
      <c r="AB120" s="753"/>
      <c r="AC120" s="753"/>
      <c r="AD120" s="753"/>
      <c r="AE120" s="753"/>
      <c r="AF120" s="753" t="s">
        <v>234</v>
      </c>
      <c r="AG120" s="753"/>
      <c r="AH120" s="753"/>
      <c r="AI120" s="753"/>
      <c r="AJ120" s="753"/>
      <c r="AK120" s="753"/>
      <c r="AL120" s="753"/>
      <c r="AM120" s="753" t="s">
        <v>235</v>
      </c>
      <c r="AN120" s="753"/>
      <c r="AO120" s="753"/>
      <c r="AP120" s="753"/>
      <c r="AQ120" s="753"/>
      <c r="AR120" s="753"/>
      <c r="AS120" s="753"/>
      <c r="AT120" s="753"/>
      <c r="AU120" s="753"/>
      <c r="AV120" s="753" t="s">
        <v>236</v>
      </c>
      <c r="AW120" s="753"/>
      <c r="AX120" s="753"/>
      <c r="AY120" s="753"/>
      <c r="AZ120" s="753"/>
      <c r="BA120" s="753"/>
      <c r="BB120" s="753"/>
      <c r="BC120" s="753"/>
      <c r="BD120" s="753"/>
      <c r="BE120" s="753"/>
      <c r="BF120" s="753"/>
      <c r="BG120" s="753"/>
      <c r="BH120" s="753"/>
      <c r="BI120" s="509"/>
    </row>
    <row r="121" spans="1:61" ht="13.5" customHeight="1">
      <c r="A121" s="747"/>
      <c r="B121" s="748"/>
      <c r="C121" s="748"/>
      <c r="D121" s="748"/>
      <c r="E121" s="748"/>
      <c r="F121" s="748"/>
      <c r="G121" s="749"/>
      <c r="H121" s="492"/>
      <c r="I121" s="522"/>
      <c r="J121" s="534"/>
      <c r="K121" s="534"/>
      <c r="L121" s="534"/>
      <c r="M121" s="534"/>
      <c r="N121" s="534"/>
      <c r="O121" s="534"/>
      <c r="P121" s="534"/>
      <c r="Q121" s="534"/>
      <c r="R121" s="534"/>
      <c r="S121" s="534"/>
      <c r="T121" s="534"/>
      <c r="U121" s="534"/>
      <c r="V121" s="534"/>
      <c r="W121" s="535"/>
      <c r="X121" s="492"/>
      <c r="Y121" s="753" t="s">
        <v>237</v>
      </c>
      <c r="Z121" s="753"/>
      <c r="AA121" s="753"/>
      <c r="AB121" s="753"/>
      <c r="AC121" s="753"/>
      <c r="AD121" s="753"/>
      <c r="AE121" s="753"/>
      <c r="AF121" s="753"/>
      <c r="AG121" s="753"/>
      <c r="AH121" s="753"/>
      <c r="AI121" s="753"/>
      <c r="AJ121" s="753"/>
      <c r="AK121" s="753"/>
      <c r="AL121" s="753"/>
      <c r="AM121" s="753"/>
      <c r="AN121" s="753"/>
      <c r="AO121" s="753"/>
      <c r="AP121" s="753"/>
      <c r="AQ121" s="753"/>
      <c r="AR121" s="753"/>
      <c r="AS121" s="753"/>
      <c r="AT121" s="753"/>
      <c r="AU121" s="753"/>
      <c r="AV121" s="753"/>
      <c r="AW121" s="753"/>
      <c r="AX121" s="753"/>
      <c r="AY121" s="753"/>
      <c r="AZ121" s="753"/>
      <c r="BA121" s="753"/>
      <c r="BB121" s="753"/>
      <c r="BC121" s="753"/>
      <c r="BD121" s="753"/>
      <c r="BE121" s="753"/>
      <c r="BF121" s="753"/>
      <c r="BG121" s="753"/>
      <c r="BH121" s="753"/>
      <c r="BI121" s="509"/>
    </row>
    <row r="122" spans="1:61" ht="13.5" customHeight="1">
      <c r="A122" s="747"/>
      <c r="B122" s="748"/>
      <c r="C122" s="748"/>
      <c r="D122" s="748"/>
      <c r="E122" s="748"/>
      <c r="F122" s="748"/>
      <c r="G122" s="749"/>
      <c r="H122" s="492"/>
      <c r="I122" s="534"/>
      <c r="J122" s="534"/>
      <c r="K122" s="534"/>
      <c r="L122" s="534"/>
      <c r="M122" s="534"/>
      <c r="N122" s="534"/>
      <c r="O122" s="534"/>
      <c r="P122" s="534"/>
      <c r="Q122" s="534"/>
      <c r="R122" s="534"/>
      <c r="S122" s="534"/>
      <c r="T122" s="534"/>
      <c r="U122" s="534"/>
      <c r="V122" s="534"/>
      <c r="W122" s="535"/>
      <c r="X122" s="492"/>
      <c r="Y122" s="753"/>
      <c r="Z122" s="753" t="s">
        <v>238</v>
      </c>
      <c r="AA122" s="753"/>
      <c r="AB122" s="753"/>
      <c r="AC122" s="753"/>
      <c r="AD122" s="753"/>
      <c r="AE122" s="753"/>
      <c r="AF122" s="753" t="s">
        <v>104</v>
      </c>
      <c r="AG122" s="753"/>
      <c r="AH122" s="753"/>
      <c r="AI122" s="753" t="s">
        <v>477</v>
      </c>
      <c r="AJ122" s="968"/>
      <c r="AK122" s="968"/>
      <c r="AL122" s="968"/>
      <c r="AM122" s="968"/>
      <c r="AN122" s="968"/>
      <c r="AO122" s="968"/>
      <c r="AP122" s="968"/>
      <c r="AQ122" s="968"/>
      <c r="AR122" s="968"/>
      <c r="AS122" s="968"/>
      <c r="AT122" s="968"/>
      <c r="AU122" s="968"/>
      <c r="AV122" s="968"/>
      <c r="AW122" s="968"/>
      <c r="AX122" s="968"/>
      <c r="AY122" s="968"/>
      <c r="AZ122" s="968"/>
      <c r="BA122" s="968"/>
      <c r="BB122" s="968"/>
      <c r="BC122" s="968"/>
      <c r="BD122" s="753" t="s">
        <v>466</v>
      </c>
      <c r="BE122" s="753"/>
      <c r="BF122" s="753" t="s">
        <v>107</v>
      </c>
      <c r="BG122" s="753"/>
      <c r="BH122" s="753"/>
      <c r="BI122" s="509"/>
    </row>
    <row r="123" spans="1:61" ht="13.5" customHeight="1">
      <c r="A123" s="747"/>
      <c r="B123" s="748"/>
      <c r="C123" s="748"/>
      <c r="D123" s="748"/>
      <c r="E123" s="748"/>
      <c r="F123" s="748"/>
      <c r="G123" s="749"/>
      <c r="H123" s="492"/>
      <c r="I123" s="1003" t="s">
        <v>239</v>
      </c>
      <c r="J123" s="1004"/>
      <c r="K123" s="1004"/>
      <c r="L123" s="1004"/>
      <c r="M123" s="1004"/>
      <c r="N123" s="1004"/>
      <c r="O123" s="1004"/>
      <c r="P123" s="1004"/>
      <c r="Q123" s="1004"/>
      <c r="R123" s="1004"/>
      <c r="S123" s="1004"/>
      <c r="T123" s="1004"/>
      <c r="U123" s="1004"/>
      <c r="V123" s="1004"/>
      <c r="W123" s="1005"/>
      <c r="X123" s="492"/>
      <c r="Y123" s="753" t="s">
        <v>240</v>
      </c>
      <c r="Z123" s="753"/>
      <c r="AA123" s="753"/>
      <c r="AB123" s="753"/>
      <c r="AC123" s="753"/>
      <c r="AD123" s="753"/>
      <c r="AE123" s="753"/>
      <c r="AF123" s="753"/>
      <c r="AG123" s="753"/>
      <c r="AH123" s="753"/>
      <c r="AI123" s="753"/>
      <c r="AJ123" s="753"/>
      <c r="AK123" s="753"/>
      <c r="AL123" s="753"/>
      <c r="AM123" s="753"/>
      <c r="AN123" s="753"/>
      <c r="AO123" s="753"/>
      <c r="AP123" s="753"/>
      <c r="AQ123" s="753"/>
      <c r="AR123" s="753"/>
      <c r="AS123" s="753"/>
      <c r="AT123" s="753"/>
      <c r="AU123" s="753"/>
      <c r="AV123" s="753"/>
      <c r="AW123" s="753"/>
      <c r="AX123" s="753"/>
      <c r="AY123" s="753"/>
      <c r="AZ123" s="753"/>
      <c r="BA123" s="753"/>
      <c r="BB123" s="753"/>
      <c r="BC123" s="753"/>
      <c r="BD123" s="753"/>
      <c r="BE123" s="753"/>
      <c r="BF123" s="753"/>
      <c r="BG123" s="753"/>
      <c r="BH123" s="753"/>
      <c r="BI123" s="509"/>
    </row>
    <row r="124" spans="1:61" ht="13.5" customHeight="1">
      <c r="A124" s="747"/>
      <c r="B124" s="748"/>
      <c r="C124" s="748"/>
      <c r="D124" s="748"/>
      <c r="E124" s="748"/>
      <c r="F124" s="748"/>
      <c r="G124" s="749"/>
      <c r="H124" s="492"/>
      <c r="I124" s="1004"/>
      <c r="J124" s="1004"/>
      <c r="K124" s="1004"/>
      <c r="L124" s="1004"/>
      <c r="M124" s="1004"/>
      <c r="N124" s="1004"/>
      <c r="O124" s="1004"/>
      <c r="P124" s="1004"/>
      <c r="Q124" s="1004"/>
      <c r="R124" s="1004"/>
      <c r="S124" s="1004"/>
      <c r="T124" s="1004"/>
      <c r="U124" s="1004"/>
      <c r="V124" s="1004"/>
      <c r="W124" s="1005"/>
      <c r="X124" s="492"/>
      <c r="Y124" s="753" t="s">
        <v>241</v>
      </c>
      <c r="Z124" s="753"/>
      <c r="AA124" s="753"/>
      <c r="AB124" s="753"/>
      <c r="AC124" s="753"/>
      <c r="AD124" s="753"/>
      <c r="AE124" s="753"/>
      <c r="AF124" s="968"/>
      <c r="AG124" s="968"/>
      <c r="AH124" s="968"/>
      <c r="AI124" s="968"/>
      <c r="AJ124" s="968"/>
      <c r="AK124" s="968"/>
      <c r="AL124" s="968"/>
      <c r="AM124" s="968"/>
      <c r="AN124" s="968"/>
      <c r="AO124" s="968"/>
      <c r="AP124" s="968"/>
      <c r="AQ124" s="968"/>
      <c r="AR124" s="968"/>
      <c r="AS124" s="968"/>
      <c r="AT124" s="968"/>
      <c r="AU124" s="968"/>
      <c r="AV124" s="968"/>
      <c r="AW124" s="968"/>
      <c r="AX124" s="968"/>
      <c r="AY124" s="968"/>
      <c r="AZ124" s="968"/>
      <c r="BA124" s="968"/>
      <c r="BB124" s="968"/>
      <c r="BC124" s="968"/>
      <c r="BD124" s="968"/>
      <c r="BE124" s="968"/>
      <c r="BF124" s="968"/>
      <c r="BG124" s="968"/>
      <c r="BH124" s="968"/>
      <c r="BI124" s="509" t="s">
        <v>478</v>
      </c>
    </row>
    <row r="125" spans="1:61" ht="13.5" customHeight="1">
      <c r="A125" s="747"/>
      <c r="B125" s="748"/>
      <c r="C125" s="748"/>
      <c r="D125" s="748"/>
      <c r="E125" s="748"/>
      <c r="F125" s="748"/>
      <c r="G125" s="749"/>
      <c r="H125" s="492"/>
      <c r="I125" s="525"/>
      <c r="J125" s="525"/>
      <c r="K125" s="525"/>
      <c r="L125" s="525"/>
      <c r="M125" s="750"/>
      <c r="N125" s="751"/>
      <c r="O125" s="751"/>
      <c r="P125" s="751"/>
      <c r="Q125" s="751"/>
      <c r="R125" s="751"/>
      <c r="S125" s="751"/>
      <c r="T125" s="751"/>
      <c r="U125" s="751"/>
      <c r="V125" s="751"/>
      <c r="W125" s="494"/>
      <c r="X125" s="492"/>
      <c r="Y125" s="753" t="s">
        <v>242</v>
      </c>
      <c r="Z125" s="753"/>
      <c r="AA125" s="753"/>
      <c r="AB125" s="753"/>
      <c r="AC125" s="753"/>
      <c r="AD125" s="753"/>
      <c r="AE125" s="753"/>
      <c r="AF125" s="753"/>
      <c r="AG125" s="753"/>
      <c r="AH125" s="753"/>
      <c r="AI125" s="753"/>
      <c r="AJ125" s="753"/>
      <c r="AK125" s="753"/>
      <c r="AL125" s="753"/>
      <c r="AM125" s="753"/>
      <c r="AN125" s="753"/>
      <c r="AO125" s="753"/>
      <c r="AP125" s="753"/>
      <c r="AQ125" s="753"/>
      <c r="AR125" s="753"/>
      <c r="AS125" s="753"/>
      <c r="AT125" s="753"/>
      <c r="AU125" s="753"/>
      <c r="AV125" s="753"/>
      <c r="AW125" s="753"/>
      <c r="AX125" s="753"/>
      <c r="AY125" s="753"/>
      <c r="AZ125" s="753"/>
      <c r="BA125" s="753"/>
      <c r="BB125" s="753"/>
      <c r="BC125" s="753"/>
      <c r="BD125" s="753"/>
      <c r="BE125" s="753"/>
      <c r="BF125" s="753"/>
      <c r="BG125" s="753"/>
      <c r="BH125" s="753"/>
      <c r="BI125" s="509"/>
    </row>
    <row r="126" spans="1:61" ht="13.5" customHeight="1">
      <c r="A126" s="747"/>
      <c r="B126" s="748"/>
      <c r="C126" s="748"/>
      <c r="D126" s="748"/>
      <c r="E126" s="748"/>
      <c r="F126" s="748"/>
      <c r="G126" s="749"/>
      <c r="H126" s="492"/>
      <c r="I126" s="525"/>
      <c r="J126" s="525"/>
      <c r="K126" s="525"/>
      <c r="L126" s="525"/>
      <c r="M126" s="750"/>
      <c r="N126" s="751"/>
      <c r="O126" s="751"/>
      <c r="P126" s="751"/>
      <c r="Q126" s="751"/>
      <c r="R126" s="751"/>
      <c r="S126" s="751"/>
      <c r="T126" s="751"/>
      <c r="U126" s="751"/>
      <c r="V126" s="751"/>
      <c r="W126" s="494"/>
      <c r="X126" s="492"/>
      <c r="Y126" s="753" t="s">
        <v>241</v>
      </c>
      <c r="Z126" s="753"/>
      <c r="AA126" s="753"/>
      <c r="AB126" s="753"/>
      <c r="AC126" s="753"/>
      <c r="AD126" s="753"/>
      <c r="AE126" s="753"/>
      <c r="AF126" s="968"/>
      <c r="AG126" s="968"/>
      <c r="AH126" s="968"/>
      <c r="AI126" s="968"/>
      <c r="AJ126" s="968"/>
      <c r="AK126" s="968"/>
      <c r="AL126" s="968"/>
      <c r="AM126" s="968"/>
      <c r="AN126" s="968"/>
      <c r="AO126" s="968"/>
      <c r="AP126" s="968"/>
      <c r="AQ126" s="968"/>
      <c r="AR126" s="968"/>
      <c r="AS126" s="968"/>
      <c r="AT126" s="968"/>
      <c r="AU126" s="968"/>
      <c r="AV126" s="968"/>
      <c r="AW126" s="968"/>
      <c r="AX126" s="968"/>
      <c r="AY126" s="968"/>
      <c r="AZ126" s="968"/>
      <c r="BA126" s="968"/>
      <c r="BB126" s="968"/>
      <c r="BC126" s="968"/>
      <c r="BD126" s="968"/>
      <c r="BE126" s="968"/>
      <c r="BF126" s="968"/>
      <c r="BG126" s="968"/>
      <c r="BH126" s="968"/>
      <c r="BI126" s="509" t="s">
        <v>466</v>
      </c>
    </row>
    <row r="127" spans="1:61" ht="13.5" customHeight="1">
      <c r="A127" s="747"/>
      <c r="B127" s="748"/>
      <c r="C127" s="748"/>
      <c r="D127" s="748"/>
      <c r="E127" s="748"/>
      <c r="F127" s="748"/>
      <c r="G127" s="749"/>
      <c r="H127" s="492"/>
      <c r="I127" s="525"/>
      <c r="J127" s="525"/>
      <c r="K127" s="525"/>
      <c r="L127" s="525"/>
      <c r="M127" s="750"/>
      <c r="N127" s="751"/>
      <c r="O127" s="751"/>
      <c r="P127" s="751"/>
      <c r="Q127" s="751"/>
      <c r="R127" s="751"/>
      <c r="S127" s="751"/>
      <c r="T127" s="751"/>
      <c r="U127" s="751"/>
      <c r="V127" s="751"/>
      <c r="W127" s="494"/>
      <c r="X127" s="492"/>
      <c r="Y127" s="753" t="s">
        <v>243</v>
      </c>
      <c r="Z127" s="753"/>
      <c r="AA127" s="753"/>
      <c r="AB127" s="753"/>
      <c r="AC127" s="753"/>
      <c r="AD127" s="753"/>
      <c r="AE127" s="753"/>
      <c r="AF127" s="753"/>
      <c r="AG127" s="753"/>
      <c r="AH127" s="753"/>
      <c r="AI127" s="753"/>
      <c r="AJ127" s="753"/>
      <c r="AK127" s="753"/>
      <c r="AL127" s="753"/>
      <c r="AM127" s="753"/>
      <c r="AN127" s="753"/>
      <c r="AO127" s="753"/>
      <c r="AP127" s="753"/>
      <c r="AQ127" s="753"/>
      <c r="AR127" s="753"/>
      <c r="AS127" s="753"/>
      <c r="AT127" s="753"/>
      <c r="AU127" s="753"/>
      <c r="AV127" s="753"/>
      <c r="AW127" s="753"/>
      <c r="AX127" s="753"/>
      <c r="AY127" s="753"/>
      <c r="AZ127" s="753"/>
      <c r="BA127" s="753"/>
      <c r="BB127" s="753"/>
      <c r="BC127" s="753"/>
      <c r="BD127" s="753"/>
      <c r="BE127" s="753"/>
      <c r="BF127" s="753"/>
      <c r="BG127" s="753"/>
      <c r="BH127" s="753"/>
      <c r="BI127" s="509"/>
    </row>
    <row r="128" spans="1:61" ht="13.5" customHeight="1">
      <c r="A128" s="747"/>
      <c r="B128" s="748"/>
      <c r="C128" s="748"/>
      <c r="D128" s="748"/>
      <c r="E128" s="748"/>
      <c r="F128" s="748"/>
      <c r="G128" s="749"/>
      <c r="H128" s="492"/>
      <c r="I128" s="525" t="s">
        <v>104</v>
      </c>
      <c r="J128" s="525"/>
      <c r="K128" s="525"/>
      <c r="L128" s="525"/>
      <c r="M128" s="750"/>
      <c r="N128" s="751"/>
      <c r="O128" s="751"/>
      <c r="P128" s="751"/>
      <c r="Q128" s="751"/>
      <c r="R128" s="751"/>
      <c r="S128" s="751"/>
      <c r="T128" s="751"/>
      <c r="U128" s="751"/>
      <c r="V128" s="751"/>
      <c r="W128" s="494"/>
      <c r="X128" s="492"/>
      <c r="Y128" s="753" t="s">
        <v>104</v>
      </c>
      <c r="Z128" s="753"/>
      <c r="AA128" s="753"/>
      <c r="AB128" s="753" t="s">
        <v>477</v>
      </c>
      <c r="AC128" s="968"/>
      <c r="AD128" s="968"/>
      <c r="AE128" s="968"/>
      <c r="AF128" s="968"/>
      <c r="AG128" s="968"/>
      <c r="AH128" s="968"/>
      <c r="AI128" s="968"/>
      <c r="AJ128" s="968"/>
      <c r="AK128" s="968"/>
      <c r="AL128" s="968"/>
      <c r="AM128" s="968"/>
      <c r="AN128" s="968"/>
      <c r="AO128" s="968"/>
      <c r="AP128" s="968"/>
      <c r="AQ128" s="968"/>
      <c r="AR128" s="968"/>
      <c r="AS128" s="968"/>
      <c r="AT128" s="968"/>
      <c r="AU128" s="968"/>
      <c r="AV128" s="968"/>
      <c r="AW128" s="968"/>
      <c r="AX128" s="968"/>
      <c r="AY128" s="968"/>
      <c r="AZ128" s="968"/>
      <c r="BA128" s="968"/>
      <c r="BB128" s="968"/>
      <c r="BC128" s="968"/>
      <c r="BD128" s="968"/>
      <c r="BE128" s="968"/>
      <c r="BF128" s="968"/>
      <c r="BG128" s="968"/>
      <c r="BH128" s="968"/>
      <c r="BI128" s="509" t="s">
        <v>478</v>
      </c>
    </row>
    <row r="129" spans="1:61" ht="13.5" customHeight="1">
      <c r="A129" s="747"/>
      <c r="B129" s="748"/>
      <c r="C129" s="748"/>
      <c r="D129" s="748"/>
      <c r="E129" s="748"/>
      <c r="F129" s="748"/>
      <c r="G129" s="749"/>
      <c r="H129" s="492"/>
      <c r="I129" s="525"/>
      <c r="J129" s="525"/>
      <c r="K129" s="525"/>
      <c r="L129" s="525"/>
      <c r="M129" s="750"/>
      <c r="N129" s="751"/>
      <c r="O129" s="751"/>
      <c r="P129" s="751"/>
      <c r="Q129" s="751"/>
      <c r="R129" s="751"/>
      <c r="S129" s="751"/>
      <c r="T129" s="751"/>
      <c r="U129" s="751"/>
      <c r="V129" s="751"/>
      <c r="W129" s="494"/>
      <c r="X129" s="492"/>
      <c r="Y129" s="753"/>
      <c r="Z129" s="753"/>
      <c r="AA129" s="753"/>
      <c r="AB129" s="753"/>
      <c r="AC129" s="753"/>
      <c r="AD129" s="753"/>
      <c r="AE129" s="753"/>
      <c r="AF129" s="753"/>
      <c r="AG129" s="753"/>
      <c r="AH129" s="753"/>
      <c r="AI129" s="753"/>
      <c r="AJ129" s="753"/>
      <c r="AK129" s="753"/>
      <c r="AL129" s="753"/>
      <c r="AM129" s="753"/>
      <c r="AN129" s="753"/>
      <c r="AO129" s="753"/>
      <c r="AP129" s="753"/>
      <c r="AQ129" s="753"/>
      <c r="AR129" s="753"/>
      <c r="AS129" s="753"/>
      <c r="AT129" s="753"/>
      <c r="AU129" s="753"/>
      <c r="AV129" s="753"/>
      <c r="AW129" s="753"/>
      <c r="AX129" s="753"/>
      <c r="AY129" s="753"/>
      <c r="AZ129" s="753"/>
      <c r="BA129" s="753"/>
      <c r="BB129" s="753"/>
      <c r="BC129" s="753"/>
      <c r="BD129" s="753"/>
      <c r="BE129" s="753"/>
      <c r="BF129" s="753"/>
      <c r="BG129" s="753"/>
      <c r="BH129" s="753"/>
      <c r="BI129" s="509"/>
    </row>
    <row r="130" spans="1:61" ht="13.5" customHeight="1">
      <c r="A130" s="498"/>
      <c r="B130" s="499"/>
      <c r="C130" s="499"/>
      <c r="D130" s="499"/>
      <c r="E130" s="499"/>
      <c r="F130" s="499"/>
      <c r="G130" s="500"/>
      <c r="H130" s="511"/>
      <c r="I130" s="531"/>
      <c r="J130" s="531"/>
      <c r="K130" s="531"/>
      <c r="L130" s="531"/>
      <c r="M130" s="536"/>
      <c r="N130" s="537"/>
      <c r="O130" s="537"/>
      <c r="P130" s="537"/>
      <c r="Q130" s="537"/>
      <c r="R130" s="537"/>
      <c r="S130" s="537"/>
      <c r="T130" s="537"/>
      <c r="U130" s="537"/>
      <c r="V130" s="537"/>
      <c r="W130" s="513"/>
      <c r="X130" s="511"/>
      <c r="Y130" s="512"/>
      <c r="Z130" s="512"/>
      <c r="AA130" s="512"/>
      <c r="AB130" s="512"/>
      <c r="AC130" s="512"/>
      <c r="AD130" s="512"/>
      <c r="AE130" s="512"/>
      <c r="AF130" s="512"/>
      <c r="AG130" s="512"/>
      <c r="AH130" s="512"/>
      <c r="AI130" s="512"/>
      <c r="AJ130" s="512"/>
      <c r="AK130" s="512"/>
      <c r="AL130" s="512"/>
      <c r="AM130" s="512"/>
      <c r="AN130" s="512"/>
      <c r="AO130" s="512"/>
      <c r="AP130" s="512"/>
      <c r="AQ130" s="512"/>
      <c r="AR130" s="512"/>
      <c r="AS130" s="512"/>
      <c r="AT130" s="512"/>
      <c r="AU130" s="512"/>
      <c r="AV130" s="512"/>
      <c r="AW130" s="512"/>
      <c r="AX130" s="512"/>
      <c r="AY130" s="512"/>
      <c r="AZ130" s="512"/>
      <c r="BA130" s="512"/>
      <c r="BB130" s="512"/>
      <c r="BC130" s="512"/>
      <c r="BD130" s="512"/>
      <c r="BE130" s="512"/>
      <c r="BF130" s="512"/>
      <c r="BG130" s="512"/>
      <c r="BH130" s="512"/>
      <c r="BI130" s="513"/>
    </row>
    <row r="131" spans="1:61" ht="13.5" customHeight="1">
      <c r="A131" s="973" t="s">
        <v>104</v>
      </c>
      <c r="B131" s="974"/>
      <c r="C131" s="974"/>
      <c r="D131" s="974"/>
      <c r="E131" s="974"/>
      <c r="F131" s="974"/>
      <c r="G131" s="975"/>
      <c r="H131" s="492"/>
      <c r="I131" s="525" t="s">
        <v>244</v>
      </c>
      <c r="J131" s="525"/>
      <c r="K131" s="525"/>
      <c r="L131" s="525"/>
      <c r="M131" s="750"/>
      <c r="N131" s="751"/>
      <c r="O131" s="751"/>
      <c r="P131" s="751"/>
      <c r="Q131" s="751"/>
      <c r="R131" s="751"/>
      <c r="S131" s="751"/>
      <c r="T131" s="751"/>
      <c r="U131" s="751"/>
      <c r="V131" s="751"/>
      <c r="W131" s="494"/>
      <c r="X131" s="492"/>
      <c r="Y131" s="753" t="s">
        <v>245</v>
      </c>
      <c r="Z131" s="753"/>
      <c r="AA131" s="753"/>
      <c r="AB131" s="753"/>
      <c r="AC131" s="753" t="s">
        <v>467</v>
      </c>
      <c r="AD131" s="988"/>
      <c r="AE131" s="988"/>
      <c r="AF131" s="988"/>
      <c r="AG131" s="988"/>
      <c r="AH131" s="988"/>
      <c r="AI131" s="988"/>
      <c r="AJ131" s="988"/>
      <c r="AK131" s="988"/>
      <c r="AL131" s="988"/>
      <c r="AM131" s="988"/>
      <c r="AN131" s="988"/>
      <c r="AO131" s="753" t="s">
        <v>479</v>
      </c>
      <c r="AP131" s="753"/>
      <c r="AQ131" s="753" t="s">
        <v>246</v>
      </c>
      <c r="AR131" s="753"/>
      <c r="AS131" s="753" t="s">
        <v>467</v>
      </c>
      <c r="AT131" s="1007"/>
      <c r="AU131" s="1008"/>
      <c r="AV131" s="1008"/>
      <c r="AW131" s="1008"/>
      <c r="AX131" s="1008"/>
      <c r="AY131" s="1008"/>
      <c r="AZ131" s="1008"/>
      <c r="BA131" s="1008"/>
      <c r="BB131" s="1008"/>
      <c r="BC131" s="1008"/>
      <c r="BD131" s="1008"/>
      <c r="BE131" s="1008"/>
      <c r="BF131" s="1008"/>
      <c r="BG131" s="1008"/>
      <c r="BH131" s="1009"/>
      <c r="BI131" s="509" t="s">
        <v>466</v>
      </c>
    </row>
    <row r="132" spans="1:61" ht="13.5" customHeight="1">
      <c r="A132" s="747"/>
      <c r="B132" s="748"/>
      <c r="C132" s="748"/>
      <c r="D132" s="748"/>
      <c r="E132" s="748"/>
      <c r="F132" s="748"/>
      <c r="G132" s="749"/>
      <c r="H132" s="492"/>
      <c r="I132" s="525"/>
      <c r="J132" s="525"/>
      <c r="K132" s="525"/>
      <c r="L132" s="525"/>
      <c r="M132" s="750"/>
      <c r="N132" s="751"/>
      <c r="O132" s="751"/>
      <c r="P132" s="751"/>
      <c r="Q132" s="751"/>
      <c r="R132" s="751"/>
      <c r="S132" s="751"/>
      <c r="T132" s="751"/>
      <c r="U132" s="751"/>
      <c r="V132" s="751"/>
      <c r="W132" s="494"/>
      <c r="X132" s="492"/>
      <c r="Y132" s="753" t="s">
        <v>104</v>
      </c>
      <c r="Z132" s="753"/>
      <c r="AA132" s="753"/>
      <c r="AB132" s="753" t="s">
        <v>475</v>
      </c>
      <c r="AC132" s="968"/>
      <c r="AD132" s="968"/>
      <c r="AE132" s="968"/>
      <c r="AF132" s="968"/>
      <c r="AG132" s="968"/>
      <c r="AH132" s="968"/>
      <c r="AI132" s="968"/>
      <c r="AJ132" s="968"/>
      <c r="AK132" s="968"/>
      <c r="AL132" s="968"/>
      <c r="AM132" s="968"/>
      <c r="AN132" s="968"/>
      <c r="AO132" s="968"/>
      <c r="AP132" s="968"/>
      <c r="AQ132" s="968"/>
      <c r="AR132" s="968"/>
      <c r="AS132" s="968"/>
      <c r="AT132" s="968"/>
      <c r="AU132" s="968"/>
      <c r="AV132" s="968"/>
      <c r="AW132" s="968"/>
      <c r="AX132" s="968"/>
      <c r="AY132" s="968"/>
      <c r="AZ132" s="968"/>
      <c r="BA132" s="968"/>
      <c r="BB132" s="968"/>
      <c r="BC132" s="968"/>
      <c r="BD132" s="968"/>
      <c r="BE132" s="968"/>
      <c r="BF132" s="968"/>
      <c r="BG132" s="968"/>
      <c r="BH132" s="968"/>
      <c r="BI132" s="509" t="s">
        <v>479</v>
      </c>
    </row>
    <row r="133" spans="1:61" ht="13.5" customHeight="1">
      <c r="A133" s="747"/>
      <c r="B133" s="748"/>
      <c r="C133" s="748"/>
      <c r="D133" s="748"/>
      <c r="E133" s="748"/>
      <c r="F133" s="748"/>
      <c r="G133" s="749"/>
      <c r="H133" s="492"/>
      <c r="I133" s="525" t="s">
        <v>247</v>
      </c>
      <c r="J133" s="525"/>
      <c r="K133" s="525"/>
      <c r="L133" s="525"/>
      <c r="M133" s="750"/>
      <c r="N133" s="751"/>
      <c r="O133" s="751"/>
      <c r="P133" s="751"/>
      <c r="Q133" s="751"/>
      <c r="R133" s="751"/>
      <c r="S133" s="751"/>
      <c r="T133" s="751"/>
      <c r="U133" s="751"/>
      <c r="V133" s="751"/>
      <c r="W133" s="494"/>
      <c r="X133" s="492"/>
      <c r="Y133" s="753" t="s">
        <v>248</v>
      </c>
      <c r="Z133" s="753"/>
      <c r="AA133" s="753"/>
      <c r="AB133" s="745"/>
      <c r="AC133" s="745"/>
      <c r="AD133" s="745"/>
      <c r="AE133" s="745"/>
      <c r="AF133" s="745"/>
      <c r="AG133" s="745"/>
      <c r="AH133" s="745"/>
      <c r="AI133" s="745"/>
      <c r="AJ133" s="745"/>
      <c r="AK133" s="745"/>
      <c r="AL133" s="753"/>
      <c r="AM133" s="753"/>
      <c r="AN133" s="753"/>
      <c r="AO133" s="753"/>
      <c r="AP133" s="968"/>
      <c r="AQ133" s="968"/>
      <c r="AR133" s="968"/>
      <c r="AS133" s="753"/>
      <c r="AT133" s="753"/>
      <c r="AU133" s="753"/>
      <c r="AV133" s="753"/>
      <c r="AW133" s="753"/>
      <c r="AX133" s="753"/>
      <c r="AY133" s="968"/>
      <c r="AZ133" s="968"/>
      <c r="BA133" s="968"/>
      <c r="BB133" s="968"/>
      <c r="BC133" s="968"/>
      <c r="BD133" s="968"/>
      <c r="BE133" s="968"/>
      <c r="BF133" s="968"/>
      <c r="BG133" s="968"/>
      <c r="BH133" s="968"/>
      <c r="BI133" s="509"/>
    </row>
    <row r="134" spans="1:61" ht="13.5" customHeight="1">
      <c r="A134" s="747"/>
      <c r="B134" s="748"/>
      <c r="C134" s="748"/>
      <c r="D134" s="748"/>
      <c r="E134" s="748"/>
      <c r="F134" s="748"/>
      <c r="G134" s="749"/>
      <c r="H134" s="492"/>
      <c r="I134" s="525"/>
      <c r="J134" s="525"/>
      <c r="K134" s="525"/>
      <c r="L134" s="525"/>
      <c r="M134" s="750"/>
      <c r="N134" s="751"/>
      <c r="O134" s="751"/>
      <c r="P134" s="751"/>
      <c r="Q134" s="751"/>
      <c r="R134" s="751"/>
      <c r="S134" s="751"/>
      <c r="T134" s="751"/>
      <c r="U134" s="751"/>
      <c r="V134" s="751"/>
      <c r="W134" s="494"/>
      <c r="X134" s="492"/>
      <c r="Y134" s="753"/>
      <c r="Z134" s="753" t="s">
        <v>249</v>
      </c>
      <c r="AA134" s="753"/>
      <c r="AB134" s="753"/>
      <c r="AC134" s="745"/>
      <c r="AD134" s="745"/>
      <c r="AE134" s="753"/>
      <c r="AF134" s="753" t="s">
        <v>250</v>
      </c>
      <c r="AG134" s="745"/>
      <c r="AH134" s="745"/>
      <c r="AI134" s="745"/>
      <c r="AJ134" s="745"/>
      <c r="AK134" s="496"/>
      <c r="AL134" s="753"/>
      <c r="AM134" s="753" t="s">
        <v>251</v>
      </c>
      <c r="AN134" s="753"/>
      <c r="AO134" s="753"/>
      <c r="AP134" s="753" t="s">
        <v>105</v>
      </c>
      <c r="AQ134" s="753"/>
      <c r="AR134" s="753"/>
      <c r="AS134" s="496"/>
      <c r="AT134" s="745"/>
      <c r="AU134" s="745"/>
      <c r="AV134" s="745"/>
      <c r="AW134" s="745"/>
      <c r="AX134" s="745"/>
      <c r="AY134" s="745"/>
      <c r="AZ134" s="745"/>
      <c r="BA134" s="745"/>
      <c r="BB134" s="745"/>
      <c r="BC134" s="745"/>
      <c r="BD134" s="745"/>
      <c r="BE134" s="745"/>
      <c r="BF134" s="745"/>
      <c r="BG134" s="745"/>
      <c r="BH134" s="745"/>
      <c r="BI134" s="509" t="s">
        <v>452</v>
      </c>
    </row>
    <row r="135" spans="1:61" ht="13.5" customHeight="1">
      <c r="A135" s="747"/>
      <c r="B135" s="748"/>
      <c r="C135" s="748"/>
      <c r="D135" s="748"/>
      <c r="E135" s="748"/>
      <c r="F135" s="748"/>
      <c r="G135" s="749"/>
      <c r="H135" s="492"/>
      <c r="I135" s="525"/>
      <c r="J135" s="525"/>
      <c r="K135" s="525"/>
      <c r="L135" s="525"/>
      <c r="M135" s="750"/>
      <c r="N135" s="751"/>
      <c r="O135" s="751"/>
      <c r="P135" s="751"/>
      <c r="Q135" s="751"/>
      <c r="R135" s="751"/>
      <c r="S135" s="751"/>
      <c r="T135" s="751"/>
      <c r="U135" s="751"/>
      <c r="V135" s="751"/>
      <c r="W135" s="494"/>
      <c r="X135" s="492"/>
      <c r="Y135" s="753" t="s">
        <v>480</v>
      </c>
      <c r="Z135" s="986">
        <v>2.74</v>
      </c>
      <c r="AA135" s="986"/>
      <c r="AB135" s="753" t="s">
        <v>253</v>
      </c>
      <c r="AC135" s="745"/>
      <c r="AD135" s="493"/>
      <c r="AE135" s="753" t="s">
        <v>252</v>
      </c>
      <c r="AF135" s="1006">
        <v>19.12</v>
      </c>
      <c r="AG135" s="1006"/>
      <c r="AH135" s="753" t="s">
        <v>481</v>
      </c>
      <c r="AI135" s="745"/>
      <c r="AJ135" s="745"/>
      <c r="AK135" s="496"/>
      <c r="AL135" s="753" t="s">
        <v>480</v>
      </c>
      <c r="AM135" s="986"/>
      <c r="AN135" s="986"/>
      <c r="AO135" s="753" t="s">
        <v>482</v>
      </c>
      <c r="AP135" s="745"/>
      <c r="AQ135" s="753"/>
      <c r="AR135" s="753"/>
      <c r="AS135" s="496"/>
      <c r="AT135" s="745"/>
      <c r="AU135" s="745"/>
      <c r="AV135" s="745"/>
      <c r="AW135" s="745"/>
      <c r="AX135" s="745"/>
      <c r="AY135" s="745"/>
      <c r="AZ135" s="745"/>
      <c r="BA135" s="745"/>
      <c r="BB135" s="745"/>
      <c r="BC135" s="745"/>
      <c r="BD135" s="745"/>
      <c r="BE135" s="745"/>
      <c r="BF135" s="745"/>
      <c r="BG135" s="745"/>
      <c r="BH135" s="745"/>
      <c r="BI135" s="509"/>
    </row>
    <row r="136" spans="1:61" ht="13.5" customHeight="1">
      <c r="A136" s="747"/>
      <c r="B136" s="748"/>
      <c r="C136" s="748"/>
      <c r="D136" s="748"/>
      <c r="E136" s="748"/>
      <c r="F136" s="748"/>
      <c r="G136" s="749"/>
      <c r="H136" s="492"/>
      <c r="I136" s="525" t="s">
        <v>254</v>
      </c>
      <c r="J136" s="525"/>
      <c r="K136" s="525"/>
      <c r="L136" s="525"/>
      <c r="M136" s="750"/>
      <c r="N136" s="751"/>
      <c r="O136" s="751"/>
      <c r="P136" s="751"/>
      <c r="Q136" s="751"/>
      <c r="R136" s="751"/>
      <c r="S136" s="751"/>
      <c r="T136" s="751"/>
      <c r="U136" s="751"/>
      <c r="V136" s="751"/>
      <c r="W136" s="494"/>
      <c r="X136" s="492"/>
      <c r="Y136" s="753" t="s">
        <v>255</v>
      </c>
      <c r="Z136" s="753"/>
      <c r="AA136" s="753" t="s">
        <v>467</v>
      </c>
      <c r="AB136" s="968"/>
      <c r="AC136" s="968"/>
      <c r="AD136" s="968"/>
      <c r="AE136" s="968"/>
      <c r="AF136" s="968"/>
      <c r="AG136" s="968"/>
      <c r="AH136" s="968"/>
      <c r="AI136" s="968"/>
      <c r="AJ136" s="968"/>
      <c r="AK136" s="968"/>
      <c r="AL136" s="753" t="s">
        <v>478</v>
      </c>
      <c r="AM136" s="753" t="s">
        <v>256</v>
      </c>
      <c r="AN136" s="753"/>
      <c r="AO136" s="753" t="s">
        <v>444</v>
      </c>
      <c r="AP136" s="968"/>
      <c r="AQ136" s="968"/>
      <c r="AR136" s="968"/>
      <c r="AS136" s="753" t="s">
        <v>452</v>
      </c>
      <c r="AT136" s="753" t="s">
        <v>257</v>
      </c>
      <c r="AU136" s="753"/>
      <c r="AV136" s="753"/>
      <c r="AW136" s="753"/>
      <c r="AX136" s="753" t="s">
        <v>467</v>
      </c>
      <c r="AY136" s="968"/>
      <c r="AZ136" s="968"/>
      <c r="BA136" s="968"/>
      <c r="BB136" s="968"/>
      <c r="BC136" s="968"/>
      <c r="BD136" s="968"/>
      <c r="BE136" s="968"/>
      <c r="BF136" s="968"/>
      <c r="BG136" s="968"/>
      <c r="BH136" s="968"/>
      <c r="BI136" s="509" t="s">
        <v>483</v>
      </c>
    </row>
    <row r="137" spans="1:61" ht="13.5" customHeight="1">
      <c r="A137" s="747"/>
      <c r="B137" s="748"/>
      <c r="C137" s="748"/>
      <c r="D137" s="748"/>
      <c r="E137" s="748"/>
      <c r="F137" s="748"/>
      <c r="G137" s="749"/>
      <c r="H137" s="492"/>
      <c r="I137" s="525"/>
      <c r="J137" s="525"/>
      <c r="K137" s="525"/>
      <c r="L137" s="525"/>
      <c r="M137" s="750"/>
      <c r="N137" s="751"/>
      <c r="O137" s="751"/>
      <c r="P137" s="751"/>
      <c r="Q137" s="751"/>
      <c r="R137" s="751"/>
      <c r="S137" s="751"/>
      <c r="T137" s="751"/>
      <c r="U137" s="751"/>
      <c r="V137" s="751"/>
      <c r="W137" s="494"/>
      <c r="X137" s="492"/>
      <c r="Y137" s="753" t="s">
        <v>258</v>
      </c>
      <c r="Z137" s="753"/>
      <c r="AA137" s="753" t="s">
        <v>259</v>
      </c>
      <c r="AB137" s="753"/>
      <c r="AC137" s="753"/>
      <c r="AD137" s="753"/>
      <c r="AE137" s="753" t="s">
        <v>118</v>
      </c>
      <c r="AF137" s="968"/>
      <c r="AG137" s="968"/>
      <c r="AH137" s="753" t="s">
        <v>260</v>
      </c>
      <c r="AI137" s="968"/>
      <c r="AJ137" s="968"/>
      <c r="AK137" s="753" t="s">
        <v>261</v>
      </c>
      <c r="AL137" s="753" t="s">
        <v>466</v>
      </c>
      <c r="AM137" s="753" t="s">
        <v>104</v>
      </c>
      <c r="AN137" s="753"/>
      <c r="AO137" s="753"/>
      <c r="AP137" s="753" t="s">
        <v>484</v>
      </c>
      <c r="AQ137" s="968" t="s">
        <v>262</v>
      </c>
      <c r="AR137" s="968"/>
      <c r="AS137" s="968"/>
      <c r="AT137" s="968"/>
      <c r="AU137" s="968"/>
      <c r="AV137" s="968"/>
      <c r="AW137" s="968"/>
      <c r="AX137" s="968"/>
      <c r="AY137" s="968"/>
      <c r="AZ137" s="968"/>
      <c r="BA137" s="968"/>
      <c r="BB137" s="968"/>
      <c r="BC137" s="968"/>
      <c r="BD137" s="968"/>
      <c r="BE137" s="968"/>
      <c r="BF137" s="968"/>
      <c r="BG137" s="968"/>
      <c r="BH137" s="968"/>
      <c r="BI137" s="509" t="s">
        <v>485</v>
      </c>
    </row>
    <row r="138" spans="1:61" ht="13.5" customHeight="1">
      <c r="A138" s="747"/>
      <c r="B138" s="748"/>
      <c r="C138" s="748"/>
      <c r="D138" s="748"/>
      <c r="E138" s="748"/>
      <c r="F138" s="748"/>
      <c r="G138" s="749"/>
      <c r="H138" s="492"/>
      <c r="I138" s="525" t="s">
        <v>263</v>
      </c>
      <c r="J138" s="525"/>
      <c r="K138" s="525"/>
      <c r="L138" s="525"/>
      <c r="M138" s="750"/>
      <c r="N138" s="751"/>
      <c r="O138" s="751"/>
      <c r="P138" s="751"/>
      <c r="Q138" s="751"/>
      <c r="R138" s="751"/>
      <c r="S138" s="751"/>
      <c r="T138" s="751"/>
      <c r="U138" s="751"/>
      <c r="V138" s="751"/>
      <c r="W138" s="494"/>
      <c r="X138" s="492"/>
      <c r="Y138" s="753" t="s">
        <v>264</v>
      </c>
      <c r="Z138" s="753"/>
      <c r="AA138" s="753"/>
      <c r="AB138" s="753"/>
      <c r="AC138" s="753" t="s">
        <v>475</v>
      </c>
      <c r="AD138" s="753"/>
      <c r="AE138" s="753" t="s">
        <v>265</v>
      </c>
      <c r="AF138" s="753"/>
      <c r="AG138" s="753"/>
      <c r="AH138" s="753"/>
      <c r="AI138" s="753"/>
      <c r="AJ138" s="753"/>
      <c r="AK138" s="753"/>
      <c r="AL138" s="753" t="s">
        <v>266</v>
      </c>
      <c r="AM138" s="753"/>
      <c r="AN138" s="753"/>
      <c r="AO138" s="753"/>
      <c r="AP138" s="753"/>
      <c r="AQ138" s="753"/>
      <c r="AR138" s="753"/>
      <c r="AS138" s="753"/>
      <c r="AT138" s="753" t="s">
        <v>107</v>
      </c>
      <c r="AU138" s="753"/>
      <c r="AV138" s="753"/>
      <c r="AW138" s="753"/>
      <c r="AX138" s="753"/>
      <c r="AY138" s="753" t="s">
        <v>104</v>
      </c>
      <c r="AZ138" s="753"/>
      <c r="BA138" s="753"/>
      <c r="BB138" s="753" t="s">
        <v>486</v>
      </c>
      <c r="BC138" s="753"/>
      <c r="BD138" s="753"/>
      <c r="BE138" s="753"/>
      <c r="BF138" s="753"/>
      <c r="BG138" s="753"/>
      <c r="BH138" s="753"/>
      <c r="BI138" s="509" t="s">
        <v>483</v>
      </c>
    </row>
    <row r="139" spans="1:61" ht="13.5" customHeight="1">
      <c r="A139" s="747"/>
      <c r="B139" s="748"/>
      <c r="C139" s="748"/>
      <c r="D139" s="748"/>
      <c r="E139" s="748"/>
      <c r="F139" s="748"/>
      <c r="G139" s="749"/>
      <c r="H139" s="492"/>
      <c r="I139" s="525"/>
      <c r="J139" s="525"/>
      <c r="K139" s="525"/>
      <c r="L139" s="525"/>
      <c r="M139" s="750"/>
      <c r="N139" s="751"/>
      <c r="O139" s="751"/>
      <c r="P139" s="751"/>
      <c r="Q139" s="751"/>
      <c r="R139" s="751"/>
      <c r="S139" s="751"/>
      <c r="T139" s="751"/>
      <c r="U139" s="751"/>
      <c r="V139" s="751"/>
      <c r="W139" s="494"/>
      <c r="X139" s="492"/>
      <c r="Y139" s="753" t="s">
        <v>257</v>
      </c>
      <c r="Z139" s="753"/>
      <c r="AA139" s="753"/>
      <c r="AB139" s="753"/>
      <c r="AC139" s="753" t="s">
        <v>467</v>
      </c>
      <c r="AD139" s="753"/>
      <c r="AE139" s="753" t="s">
        <v>185</v>
      </c>
      <c r="AF139" s="753"/>
      <c r="AG139" s="753"/>
      <c r="AH139" s="753"/>
      <c r="AI139" s="753"/>
      <c r="AJ139" s="753"/>
      <c r="AK139" s="753"/>
      <c r="AL139" s="753" t="s">
        <v>107</v>
      </c>
      <c r="AM139" s="753"/>
      <c r="AN139" s="753"/>
      <c r="AO139" s="753"/>
      <c r="AP139" s="753"/>
      <c r="AQ139" s="753"/>
      <c r="AR139" s="753" t="s">
        <v>104</v>
      </c>
      <c r="AS139" s="753"/>
      <c r="AT139" s="753"/>
      <c r="AU139" s="753" t="s">
        <v>475</v>
      </c>
      <c r="AV139" s="968"/>
      <c r="AW139" s="968"/>
      <c r="AX139" s="968"/>
      <c r="AY139" s="968"/>
      <c r="AZ139" s="968"/>
      <c r="BA139" s="968"/>
      <c r="BB139" s="968"/>
      <c r="BC139" s="968"/>
      <c r="BD139" s="968"/>
      <c r="BE139" s="968"/>
      <c r="BF139" s="968"/>
      <c r="BG139" s="968"/>
      <c r="BH139" s="968"/>
      <c r="BI139" s="509" t="s">
        <v>485</v>
      </c>
    </row>
    <row r="140" spans="1:61" ht="13.5" customHeight="1">
      <c r="A140" s="747"/>
      <c r="B140" s="748"/>
      <c r="C140" s="748"/>
      <c r="D140" s="748"/>
      <c r="E140" s="748"/>
      <c r="F140" s="748"/>
      <c r="G140" s="749"/>
      <c r="H140" s="492"/>
      <c r="I140" s="525"/>
      <c r="J140" s="525"/>
      <c r="K140" s="525"/>
      <c r="L140" s="525"/>
      <c r="M140" s="750"/>
      <c r="N140" s="751"/>
      <c r="O140" s="751"/>
      <c r="P140" s="751"/>
      <c r="Q140" s="751"/>
      <c r="R140" s="751"/>
      <c r="S140" s="751"/>
      <c r="T140" s="751"/>
      <c r="U140" s="751"/>
      <c r="V140" s="751"/>
      <c r="W140" s="494"/>
      <c r="X140" s="492"/>
      <c r="Y140" s="753" t="s">
        <v>256</v>
      </c>
      <c r="Z140" s="753"/>
      <c r="AA140" s="753" t="s">
        <v>455</v>
      </c>
      <c r="AB140" s="968"/>
      <c r="AC140" s="968"/>
      <c r="AD140" s="968"/>
      <c r="AE140" s="968"/>
      <c r="AF140" s="968"/>
      <c r="AG140" s="968"/>
      <c r="AH140" s="753" t="s">
        <v>106</v>
      </c>
      <c r="AI140" s="753"/>
      <c r="AJ140" s="753" t="s">
        <v>183</v>
      </c>
      <c r="AK140" s="753"/>
      <c r="AL140" s="753"/>
      <c r="AM140" s="753"/>
      <c r="AN140" s="753" t="s">
        <v>487</v>
      </c>
      <c r="AO140" s="753"/>
      <c r="AP140" s="1015"/>
      <c r="AQ140" s="1015"/>
      <c r="AR140" s="1015"/>
      <c r="AS140" s="753" t="s">
        <v>488</v>
      </c>
      <c r="AT140" s="753"/>
      <c r="AU140" s="753"/>
      <c r="AV140" s="753"/>
      <c r="AW140" s="753"/>
      <c r="AX140" s="753"/>
      <c r="AY140" s="753"/>
      <c r="AZ140" s="753"/>
      <c r="BA140" s="753"/>
      <c r="BB140" s="753"/>
      <c r="BC140" s="753"/>
      <c r="BD140" s="753"/>
      <c r="BE140" s="753"/>
      <c r="BF140" s="753"/>
      <c r="BG140" s="753"/>
      <c r="BH140" s="753"/>
      <c r="BI140" s="509"/>
    </row>
    <row r="141" spans="1:61" ht="13.5" customHeight="1">
      <c r="A141" s="747"/>
      <c r="B141" s="748"/>
      <c r="C141" s="748"/>
      <c r="D141" s="748"/>
      <c r="E141" s="748"/>
      <c r="F141" s="748"/>
      <c r="G141" s="749"/>
      <c r="H141" s="492"/>
      <c r="I141" s="493" t="s">
        <v>104</v>
      </c>
      <c r="J141" s="493"/>
      <c r="K141" s="493"/>
      <c r="L141" s="493" t="s">
        <v>489</v>
      </c>
      <c r="M141" s="968" t="s">
        <v>267</v>
      </c>
      <c r="N141" s="968"/>
      <c r="O141" s="968"/>
      <c r="P141" s="968"/>
      <c r="Q141" s="968"/>
      <c r="R141" s="968"/>
      <c r="S141" s="968"/>
      <c r="T141" s="968"/>
      <c r="U141" s="968"/>
      <c r="V141" s="968"/>
      <c r="W141" s="494" t="s">
        <v>106</v>
      </c>
      <c r="X141" s="492"/>
      <c r="Y141" s="753" t="s">
        <v>104</v>
      </c>
      <c r="Z141" s="753"/>
      <c r="AA141" s="753"/>
      <c r="AB141" s="966" t="s">
        <v>268</v>
      </c>
      <c r="AC141" s="1004"/>
      <c r="AD141" s="1004"/>
      <c r="AE141" s="1004"/>
      <c r="AF141" s="1004"/>
      <c r="AG141" s="1004"/>
      <c r="AH141" s="1004"/>
      <c r="AI141" s="1004"/>
      <c r="AJ141" s="1004"/>
      <c r="AK141" s="1004"/>
      <c r="AL141" s="1004"/>
      <c r="AM141" s="1004"/>
      <c r="AN141" s="1004"/>
      <c r="AO141" s="1004"/>
      <c r="AP141" s="1004"/>
      <c r="AQ141" s="1004"/>
      <c r="AR141" s="1004"/>
      <c r="AS141" s="1004"/>
      <c r="AT141" s="1004"/>
      <c r="AU141" s="1004"/>
      <c r="AV141" s="1004"/>
      <c r="AW141" s="1004"/>
      <c r="AX141" s="1004"/>
      <c r="AY141" s="1004"/>
      <c r="AZ141" s="1004"/>
      <c r="BA141" s="1004"/>
      <c r="BB141" s="1004"/>
      <c r="BC141" s="1004"/>
      <c r="BD141" s="1004"/>
      <c r="BE141" s="1004"/>
      <c r="BF141" s="1004"/>
      <c r="BG141" s="1004"/>
      <c r="BH141" s="1004"/>
      <c r="BI141" s="1005"/>
    </row>
    <row r="142" spans="1:61" ht="13.5" customHeight="1">
      <c r="A142" s="747"/>
      <c r="B142" s="748"/>
      <c r="C142" s="748"/>
      <c r="D142" s="748"/>
      <c r="E142" s="748"/>
      <c r="F142" s="748"/>
      <c r="G142" s="749"/>
      <c r="H142" s="492"/>
      <c r="I142" s="493"/>
      <c r="J142" s="493"/>
      <c r="K142" s="493"/>
      <c r="L142" s="493"/>
      <c r="M142" s="493"/>
      <c r="N142" s="493"/>
      <c r="O142" s="493"/>
      <c r="P142" s="493"/>
      <c r="Q142" s="493"/>
      <c r="R142" s="493"/>
      <c r="S142" s="493"/>
      <c r="T142" s="493"/>
      <c r="U142" s="493"/>
      <c r="V142" s="493"/>
      <c r="W142" s="494"/>
      <c r="X142" s="492"/>
      <c r="Y142" s="753"/>
      <c r="Z142" s="753"/>
      <c r="AA142" s="753"/>
      <c r="AB142" s="1004"/>
      <c r="AC142" s="1004"/>
      <c r="AD142" s="1004"/>
      <c r="AE142" s="1004"/>
      <c r="AF142" s="1004"/>
      <c r="AG142" s="1004"/>
      <c r="AH142" s="1004"/>
      <c r="AI142" s="1004"/>
      <c r="AJ142" s="1004"/>
      <c r="AK142" s="1004"/>
      <c r="AL142" s="1004"/>
      <c r="AM142" s="1004"/>
      <c r="AN142" s="1004"/>
      <c r="AO142" s="1004"/>
      <c r="AP142" s="1004"/>
      <c r="AQ142" s="1004"/>
      <c r="AR142" s="1004"/>
      <c r="AS142" s="1004"/>
      <c r="AT142" s="1004"/>
      <c r="AU142" s="1004"/>
      <c r="AV142" s="1004"/>
      <c r="AW142" s="1004"/>
      <c r="AX142" s="1004"/>
      <c r="AY142" s="1004"/>
      <c r="AZ142" s="1004"/>
      <c r="BA142" s="1004"/>
      <c r="BB142" s="1004"/>
      <c r="BC142" s="1004"/>
      <c r="BD142" s="1004"/>
      <c r="BE142" s="1004"/>
      <c r="BF142" s="1004"/>
      <c r="BG142" s="1004"/>
      <c r="BH142" s="1004"/>
      <c r="BI142" s="1005"/>
    </row>
    <row r="143" spans="1:61" ht="13.5" customHeight="1">
      <c r="A143" s="747"/>
      <c r="B143" s="748"/>
      <c r="C143" s="748"/>
      <c r="D143" s="748"/>
      <c r="E143" s="748"/>
      <c r="F143" s="748"/>
      <c r="G143" s="749"/>
      <c r="H143" s="492"/>
      <c r="I143" s="493"/>
      <c r="J143" s="493"/>
      <c r="K143" s="493"/>
      <c r="L143" s="493"/>
      <c r="M143" s="493"/>
      <c r="N143" s="493"/>
      <c r="O143" s="493"/>
      <c r="P143" s="493"/>
      <c r="Q143" s="493"/>
      <c r="R143" s="493"/>
      <c r="S143" s="493"/>
      <c r="T143" s="493"/>
      <c r="U143" s="493"/>
      <c r="V143" s="493"/>
      <c r="W143" s="494"/>
      <c r="X143" s="492"/>
      <c r="Y143" s="753"/>
      <c r="Z143" s="753"/>
      <c r="AA143" s="753"/>
      <c r="AB143" s="753"/>
      <c r="AC143" s="753"/>
      <c r="AD143" s="753"/>
      <c r="AE143" s="753"/>
      <c r="AF143" s="753"/>
      <c r="AG143" s="753"/>
      <c r="AH143" s="753"/>
      <c r="AI143" s="753"/>
      <c r="AJ143" s="753"/>
      <c r="AK143" s="753"/>
      <c r="AL143" s="753"/>
      <c r="AM143" s="753"/>
      <c r="AN143" s="753"/>
      <c r="AO143" s="753"/>
      <c r="AP143" s="753"/>
      <c r="AQ143" s="753"/>
      <c r="AR143" s="753"/>
      <c r="AS143" s="753"/>
      <c r="AT143" s="753"/>
      <c r="AU143" s="753"/>
      <c r="AV143" s="753"/>
      <c r="AW143" s="753"/>
      <c r="AX143" s="753"/>
      <c r="AY143" s="753"/>
      <c r="AZ143" s="753"/>
      <c r="BA143" s="753"/>
      <c r="BB143" s="753"/>
      <c r="BC143" s="753"/>
      <c r="BD143" s="753"/>
      <c r="BE143" s="753"/>
      <c r="BF143" s="753"/>
      <c r="BG143" s="753"/>
      <c r="BH143" s="753"/>
      <c r="BI143" s="509"/>
    </row>
    <row r="144" spans="1:61" ht="13.5" customHeight="1">
      <c r="A144" s="498"/>
      <c r="B144" s="499"/>
      <c r="C144" s="499"/>
      <c r="D144" s="499"/>
      <c r="E144" s="499"/>
      <c r="F144" s="499"/>
      <c r="G144" s="500"/>
      <c r="H144" s="501"/>
      <c r="I144" s="502"/>
      <c r="J144" s="502"/>
      <c r="K144" s="502"/>
      <c r="L144" s="502"/>
      <c r="M144" s="502"/>
      <c r="N144" s="502"/>
      <c r="O144" s="502"/>
      <c r="P144" s="502"/>
      <c r="Q144" s="502"/>
      <c r="R144" s="502"/>
      <c r="S144" s="502"/>
      <c r="T144" s="502"/>
      <c r="U144" s="502"/>
      <c r="V144" s="502"/>
      <c r="W144" s="503"/>
      <c r="X144" s="501"/>
      <c r="Y144" s="512"/>
      <c r="Z144" s="512"/>
      <c r="AA144" s="512"/>
      <c r="AB144" s="512"/>
      <c r="AC144" s="512"/>
      <c r="AD144" s="512"/>
      <c r="AE144" s="512"/>
      <c r="AF144" s="512"/>
      <c r="AG144" s="512"/>
      <c r="AH144" s="512"/>
      <c r="AI144" s="512"/>
      <c r="AJ144" s="512"/>
      <c r="AK144" s="512"/>
      <c r="AL144" s="512"/>
      <c r="AM144" s="512"/>
      <c r="AN144" s="512"/>
      <c r="AO144" s="512"/>
      <c r="AP144" s="512"/>
      <c r="AQ144" s="512"/>
      <c r="AR144" s="512"/>
      <c r="AS144" s="512"/>
      <c r="AT144" s="512"/>
      <c r="AU144" s="512"/>
      <c r="AV144" s="512"/>
      <c r="AW144" s="512"/>
      <c r="AX144" s="512"/>
      <c r="AY144" s="512"/>
      <c r="AZ144" s="512"/>
      <c r="BA144" s="512"/>
      <c r="BB144" s="512"/>
      <c r="BC144" s="512"/>
      <c r="BD144" s="512"/>
      <c r="BE144" s="512"/>
      <c r="BF144" s="512"/>
      <c r="BG144" s="512"/>
      <c r="BH144" s="512"/>
      <c r="BI144" s="513"/>
    </row>
    <row r="145" spans="1:61" ht="13.5" customHeight="1">
      <c r="A145" s="973" t="s">
        <v>269</v>
      </c>
      <c r="B145" s="974"/>
      <c r="C145" s="974"/>
      <c r="D145" s="974"/>
      <c r="E145" s="974"/>
      <c r="F145" s="974"/>
      <c r="G145" s="975"/>
      <c r="H145" s="492"/>
      <c r="I145" s="493"/>
      <c r="J145" s="493"/>
      <c r="K145" s="493"/>
      <c r="L145" s="493"/>
      <c r="M145" s="493"/>
      <c r="N145" s="493"/>
      <c r="O145" s="493"/>
      <c r="P145" s="493"/>
      <c r="Q145" s="493"/>
      <c r="R145" s="493"/>
      <c r="S145" s="493"/>
      <c r="T145" s="493"/>
      <c r="U145" s="493"/>
      <c r="V145" s="493"/>
      <c r="W145" s="494"/>
      <c r="X145" s="492"/>
      <c r="Y145" s="1011" t="s">
        <v>524</v>
      </c>
      <c r="Z145" s="1012"/>
      <c r="AA145" s="1012"/>
      <c r="AB145" s="1012"/>
      <c r="AC145" s="1012"/>
      <c r="AD145" s="1012"/>
      <c r="AE145" s="1012"/>
      <c r="AF145" s="1012"/>
      <c r="AG145" s="1012"/>
      <c r="AH145" s="1012"/>
      <c r="AI145" s="1012"/>
      <c r="AJ145" s="1012"/>
      <c r="AK145" s="1012"/>
      <c r="AL145" s="1012"/>
      <c r="AM145" s="1012"/>
      <c r="AN145" s="1012"/>
      <c r="AO145" s="1012"/>
      <c r="AP145" s="1012"/>
      <c r="AQ145" s="1012"/>
      <c r="AR145" s="1012"/>
      <c r="AS145" s="1012"/>
      <c r="AT145" s="1012"/>
      <c r="AU145" s="1012"/>
      <c r="AV145" s="1012"/>
      <c r="AW145" s="1012"/>
      <c r="AX145" s="1012"/>
      <c r="AY145" s="1012"/>
      <c r="AZ145" s="1012"/>
      <c r="BA145" s="1012"/>
      <c r="BB145" s="1012"/>
      <c r="BC145" s="1012"/>
      <c r="BD145" s="1012"/>
      <c r="BE145" s="1012"/>
      <c r="BF145" s="1012"/>
      <c r="BG145" s="1012"/>
      <c r="BH145" s="1012"/>
      <c r="BI145" s="1013"/>
    </row>
    <row r="146" spans="1:61" ht="13.5" customHeight="1">
      <c r="A146" s="747"/>
      <c r="B146" s="538"/>
      <c r="C146" s="538"/>
      <c r="D146" s="538"/>
      <c r="E146" s="538"/>
      <c r="F146" s="538"/>
      <c r="G146" s="539"/>
      <c r="H146" s="492"/>
      <c r="I146" s="493"/>
      <c r="J146" s="493"/>
      <c r="K146" s="493"/>
      <c r="L146" s="493"/>
      <c r="M146" s="493"/>
      <c r="N146" s="493"/>
      <c r="O146" s="493"/>
      <c r="P146" s="493"/>
      <c r="Q146" s="493"/>
      <c r="R146" s="493"/>
      <c r="S146" s="493"/>
      <c r="T146" s="493"/>
      <c r="U146" s="493"/>
      <c r="V146" s="493"/>
      <c r="W146" s="494"/>
      <c r="X146" s="492"/>
      <c r="Y146" s="753" t="s">
        <v>525</v>
      </c>
      <c r="Z146" s="540"/>
      <c r="AA146" s="540"/>
      <c r="AB146" s="540"/>
      <c r="AC146" s="540"/>
      <c r="AD146" s="540"/>
      <c r="AE146" s="540"/>
      <c r="AF146" s="540"/>
      <c r="AG146" s="540"/>
      <c r="AH146" s="540"/>
      <c r="AI146" s="540"/>
      <c r="AJ146" s="540"/>
      <c r="AK146" s="540"/>
      <c r="AL146" s="540"/>
      <c r="AM146" s="540"/>
      <c r="AN146" s="540"/>
      <c r="AO146" s="540"/>
      <c r="AP146" s="540"/>
      <c r="AQ146" s="540"/>
      <c r="AR146" s="540"/>
      <c r="AS146" s="540"/>
      <c r="AT146" s="540"/>
      <c r="AU146" s="540"/>
      <c r="AV146" s="540"/>
      <c r="AW146" s="540"/>
      <c r="AX146" s="540"/>
      <c r="AY146" s="540"/>
      <c r="AZ146" s="540"/>
      <c r="BA146" s="540"/>
      <c r="BB146" s="540"/>
      <c r="BC146" s="540"/>
      <c r="BD146" s="540"/>
      <c r="BE146" s="540"/>
      <c r="BF146" s="540"/>
      <c r="BG146" s="540"/>
      <c r="BH146" s="540"/>
      <c r="BI146" s="744"/>
    </row>
    <row r="147" spans="1:61" ht="13.5" customHeight="1">
      <c r="A147" s="747"/>
      <c r="B147" s="538"/>
      <c r="C147" s="538"/>
      <c r="D147" s="538"/>
      <c r="E147" s="538"/>
      <c r="F147" s="538"/>
      <c r="G147" s="539"/>
      <c r="H147" s="492"/>
      <c r="I147" s="493"/>
      <c r="J147" s="493"/>
      <c r="K147" s="493"/>
      <c r="L147" s="493"/>
      <c r="M147" s="493"/>
      <c r="N147" s="493"/>
      <c r="O147" s="493"/>
      <c r="P147" s="493"/>
      <c r="Q147" s="493"/>
      <c r="R147" s="493"/>
      <c r="S147" s="493"/>
      <c r="T147" s="493"/>
      <c r="U147" s="493"/>
      <c r="V147" s="493"/>
      <c r="W147" s="494"/>
      <c r="X147" s="492"/>
      <c r="Y147" s="541" t="s">
        <v>270</v>
      </c>
      <c r="Z147" s="540"/>
      <c r="AA147" s="540"/>
      <c r="AB147" s="540"/>
      <c r="AC147" s="540"/>
      <c r="AD147" s="540"/>
      <c r="AE147" s="540"/>
      <c r="AF147" s="540"/>
      <c r="AG147" s="540"/>
      <c r="AH147" s="540"/>
      <c r="AI147" s="540"/>
      <c r="AJ147" s="540"/>
      <c r="AK147" s="540"/>
      <c r="AL147" s="540"/>
      <c r="AM147" s="540"/>
      <c r="AN147" s="540"/>
      <c r="AO147" s="540"/>
      <c r="AP147" s="540"/>
      <c r="AQ147" s="540"/>
      <c r="AR147" s="540"/>
      <c r="AS147" s="540"/>
      <c r="AT147" s="540"/>
      <c r="AU147" s="540"/>
      <c r="AV147" s="540"/>
      <c r="AW147" s="540"/>
      <c r="AX147" s="540"/>
      <c r="AY147" s="540"/>
      <c r="AZ147" s="540"/>
      <c r="BA147" s="540"/>
      <c r="BB147" s="540"/>
      <c r="BC147" s="540"/>
      <c r="BD147" s="540"/>
      <c r="BE147" s="540"/>
      <c r="BF147" s="540"/>
      <c r="BG147" s="540"/>
      <c r="BH147" s="540"/>
      <c r="BI147" s="744"/>
    </row>
    <row r="148" spans="1:61" ht="13.5" customHeight="1">
      <c r="A148" s="747"/>
      <c r="B148" s="538"/>
      <c r="C148" s="538"/>
      <c r="D148" s="538"/>
      <c r="E148" s="538"/>
      <c r="F148" s="538"/>
      <c r="G148" s="539"/>
      <c r="H148" s="492"/>
      <c r="I148" s="493"/>
      <c r="J148" s="493"/>
      <c r="K148" s="493"/>
      <c r="L148" s="493"/>
      <c r="M148" s="493"/>
      <c r="N148" s="493"/>
      <c r="O148" s="493"/>
      <c r="P148" s="493"/>
      <c r="Q148" s="493"/>
      <c r="R148" s="493"/>
      <c r="S148" s="493"/>
      <c r="T148" s="493"/>
      <c r="U148" s="493"/>
      <c r="V148" s="493"/>
      <c r="W148" s="494"/>
      <c r="X148" s="492"/>
      <c r="Y148" s="753" t="s">
        <v>104</v>
      </c>
      <c r="Z148" s="540"/>
      <c r="AA148" s="540"/>
      <c r="AB148" s="540" t="s">
        <v>490</v>
      </c>
      <c r="AC148" s="1014"/>
      <c r="AD148" s="1014"/>
      <c r="AE148" s="1014"/>
      <c r="AF148" s="1014"/>
      <c r="AG148" s="1014"/>
      <c r="AH148" s="1014"/>
      <c r="AI148" s="1014"/>
      <c r="AJ148" s="1014"/>
      <c r="AK148" s="1014"/>
      <c r="AL148" s="1014"/>
      <c r="AM148" s="1014"/>
      <c r="AN148" s="1014"/>
      <c r="AO148" s="1014"/>
      <c r="AP148" s="1014"/>
      <c r="AQ148" s="1014"/>
      <c r="AR148" s="1014"/>
      <c r="AS148" s="1014"/>
      <c r="AT148" s="1014"/>
      <c r="AU148" s="1014"/>
      <c r="AV148" s="1014"/>
      <c r="AW148" s="1014"/>
      <c r="AX148" s="1014"/>
      <c r="AY148" s="1014"/>
      <c r="AZ148" s="1014"/>
      <c r="BA148" s="1014"/>
      <c r="BB148" s="1014"/>
      <c r="BC148" s="1014"/>
      <c r="BD148" s="1014"/>
      <c r="BE148" s="1014"/>
      <c r="BF148" s="1014"/>
      <c r="BG148" s="1014"/>
      <c r="BH148" s="1014"/>
      <c r="BI148" s="744" t="s">
        <v>491</v>
      </c>
    </row>
    <row r="149" spans="1:61" ht="13.5" customHeight="1">
      <c r="A149" s="747"/>
      <c r="B149" s="538"/>
      <c r="C149" s="538"/>
      <c r="D149" s="538"/>
      <c r="E149" s="538"/>
      <c r="F149" s="538"/>
      <c r="G149" s="539"/>
      <c r="H149" s="492"/>
      <c r="I149" s="493"/>
      <c r="J149" s="493"/>
      <c r="K149" s="493"/>
      <c r="L149" s="493"/>
      <c r="M149" s="493"/>
      <c r="N149" s="493"/>
      <c r="O149" s="493"/>
      <c r="P149" s="493"/>
      <c r="Q149" s="493"/>
      <c r="R149" s="493"/>
      <c r="S149" s="493"/>
      <c r="T149" s="493"/>
      <c r="U149" s="493"/>
      <c r="V149" s="493"/>
      <c r="W149" s="494"/>
      <c r="X149" s="492"/>
      <c r="Y149" s="753"/>
      <c r="Z149" s="540"/>
      <c r="AA149" s="540"/>
      <c r="AB149" s="540"/>
      <c r="AC149" s="1014"/>
      <c r="AD149" s="1014"/>
      <c r="AE149" s="1014"/>
      <c r="AF149" s="1014"/>
      <c r="AG149" s="1014"/>
      <c r="AH149" s="1014"/>
      <c r="AI149" s="1014"/>
      <c r="AJ149" s="1014"/>
      <c r="AK149" s="1014"/>
      <c r="AL149" s="1014"/>
      <c r="AM149" s="1014"/>
      <c r="AN149" s="1014"/>
      <c r="AO149" s="1014"/>
      <c r="AP149" s="1014"/>
      <c r="AQ149" s="1014"/>
      <c r="AR149" s="1014"/>
      <c r="AS149" s="1014"/>
      <c r="AT149" s="1014"/>
      <c r="AU149" s="1014"/>
      <c r="AV149" s="1014"/>
      <c r="AW149" s="1014"/>
      <c r="AX149" s="1014"/>
      <c r="AY149" s="1014"/>
      <c r="AZ149" s="1014"/>
      <c r="BA149" s="1014"/>
      <c r="BB149" s="1014"/>
      <c r="BC149" s="1014"/>
      <c r="BD149" s="1014"/>
      <c r="BE149" s="1014"/>
      <c r="BF149" s="1014"/>
      <c r="BG149" s="1014"/>
      <c r="BH149" s="1014"/>
      <c r="BI149" s="744"/>
    </row>
    <row r="150" spans="1:61" ht="13.5" customHeight="1">
      <c r="A150" s="747"/>
      <c r="B150" s="748"/>
      <c r="C150" s="748"/>
      <c r="D150" s="748"/>
      <c r="E150" s="748"/>
      <c r="F150" s="748"/>
      <c r="G150" s="749"/>
      <c r="H150" s="492"/>
      <c r="I150" s="493"/>
      <c r="J150" s="493"/>
      <c r="K150" s="493"/>
      <c r="L150" s="493"/>
      <c r="M150" s="493"/>
      <c r="N150" s="493"/>
      <c r="O150" s="493"/>
      <c r="P150" s="493"/>
      <c r="Q150" s="493"/>
      <c r="R150" s="493"/>
      <c r="S150" s="493"/>
      <c r="T150" s="493"/>
      <c r="U150" s="493"/>
      <c r="V150" s="493"/>
      <c r="W150" s="494"/>
      <c r="X150" s="492"/>
      <c r="Y150" s="753"/>
      <c r="Z150" s="753"/>
      <c r="AA150" s="753"/>
      <c r="AB150" s="753"/>
      <c r="AC150" s="1010"/>
      <c r="AD150" s="1010"/>
      <c r="AE150" s="1010"/>
      <c r="AF150" s="1010"/>
      <c r="AG150" s="1010"/>
      <c r="AH150" s="1010"/>
      <c r="AI150" s="1010"/>
      <c r="AJ150" s="1010"/>
      <c r="AK150" s="1010"/>
      <c r="AL150" s="1010"/>
      <c r="AM150" s="1010"/>
      <c r="AN150" s="1010"/>
      <c r="AO150" s="1010"/>
      <c r="AP150" s="1010"/>
      <c r="AQ150" s="1010"/>
      <c r="AR150" s="1010"/>
      <c r="AS150" s="1010"/>
      <c r="AT150" s="1010"/>
      <c r="AU150" s="1010"/>
      <c r="AV150" s="1010"/>
      <c r="AW150" s="1010"/>
      <c r="AX150" s="1010"/>
      <c r="AY150" s="1010"/>
      <c r="AZ150" s="1010"/>
      <c r="BA150" s="1010"/>
      <c r="BB150" s="1010"/>
      <c r="BC150" s="1010"/>
      <c r="BD150" s="1010"/>
      <c r="BE150" s="1010"/>
      <c r="BF150" s="1010"/>
      <c r="BG150" s="1010"/>
      <c r="BH150" s="1010"/>
      <c r="BI150" s="509"/>
    </row>
    <row r="151" spans="1:61" ht="13.5" customHeight="1">
      <c r="A151" s="498"/>
      <c r="B151" s="499"/>
      <c r="C151" s="499"/>
      <c r="D151" s="499"/>
      <c r="E151" s="499"/>
      <c r="F151" s="499"/>
      <c r="G151" s="500"/>
      <c r="H151" s="501"/>
      <c r="I151" s="502"/>
      <c r="J151" s="502"/>
      <c r="K151" s="502"/>
      <c r="L151" s="502"/>
      <c r="M151" s="502"/>
      <c r="N151" s="502"/>
      <c r="O151" s="502"/>
      <c r="P151" s="502"/>
      <c r="Q151" s="502"/>
      <c r="R151" s="502"/>
      <c r="S151" s="502"/>
      <c r="T151" s="502"/>
      <c r="U151" s="502"/>
      <c r="V151" s="502"/>
      <c r="W151" s="503"/>
      <c r="X151" s="501"/>
      <c r="Y151" s="512"/>
      <c r="Z151" s="512"/>
      <c r="AA151" s="512"/>
      <c r="AB151" s="512"/>
      <c r="AC151" s="512"/>
      <c r="AD151" s="512"/>
      <c r="AE151" s="512"/>
      <c r="AF151" s="512"/>
      <c r="AG151" s="512"/>
      <c r="AH151" s="512"/>
      <c r="AI151" s="512"/>
      <c r="AJ151" s="512"/>
      <c r="AK151" s="512"/>
      <c r="AL151" s="512"/>
      <c r="AM151" s="512"/>
      <c r="AN151" s="512"/>
      <c r="AO151" s="512"/>
      <c r="AP151" s="512"/>
      <c r="AQ151" s="512"/>
      <c r="AR151" s="512"/>
      <c r="AS151" s="512"/>
      <c r="AT151" s="512"/>
      <c r="AU151" s="512"/>
      <c r="AV151" s="512"/>
      <c r="AW151" s="512"/>
      <c r="AX151" s="512"/>
      <c r="AY151" s="512"/>
      <c r="AZ151" s="512"/>
      <c r="BA151" s="512"/>
      <c r="BB151" s="512"/>
      <c r="BC151" s="512"/>
      <c r="BD151" s="512"/>
      <c r="BE151" s="512"/>
      <c r="BF151" s="512"/>
      <c r="BG151" s="512"/>
      <c r="BH151" s="512"/>
      <c r="BI151" s="513"/>
    </row>
    <row r="152" spans="1:61" ht="13.5" customHeight="1">
      <c r="A152" s="496" t="s">
        <v>271</v>
      </c>
      <c r="B152" s="496"/>
      <c r="C152" s="496" t="s">
        <v>492</v>
      </c>
      <c r="D152" s="496"/>
      <c r="E152" s="496"/>
      <c r="F152" s="496"/>
      <c r="G152" s="496"/>
      <c r="H152" s="496"/>
      <c r="I152" s="496"/>
      <c r="J152" s="496"/>
      <c r="K152" s="496"/>
      <c r="L152" s="496"/>
      <c r="M152" s="496"/>
      <c r="N152" s="496"/>
      <c r="O152" s="496"/>
      <c r="P152" s="496"/>
      <c r="Q152" s="496"/>
      <c r="R152" s="496"/>
      <c r="S152" s="496"/>
      <c r="T152" s="496"/>
      <c r="U152" s="496"/>
      <c r="V152" s="496"/>
      <c r="W152" s="496"/>
      <c r="X152" s="496"/>
      <c r="Y152" s="496"/>
      <c r="Z152" s="496"/>
      <c r="AA152" s="496"/>
      <c r="AB152" s="496"/>
      <c r="AC152" s="496"/>
      <c r="AD152" s="496"/>
      <c r="AE152" s="496"/>
      <c r="AF152" s="496"/>
      <c r="AG152" s="496"/>
      <c r="AH152" s="496"/>
      <c r="AI152" s="496"/>
      <c r="AJ152" s="496"/>
      <c r="AK152" s="496"/>
      <c r="AL152" s="496"/>
      <c r="AM152" s="496"/>
      <c r="AN152" s="496"/>
      <c r="AO152" s="496"/>
      <c r="AP152" s="496"/>
      <c r="AQ152" s="496"/>
      <c r="AR152" s="496"/>
      <c r="AS152" s="496"/>
      <c r="AT152" s="496"/>
      <c r="AU152" s="496"/>
      <c r="AV152" s="496"/>
      <c r="AW152" s="496"/>
      <c r="AX152" s="496"/>
      <c r="AY152" s="496"/>
      <c r="AZ152" s="496"/>
      <c r="BA152" s="496"/>
      <c r="BB152" s="496"/>
      <c r="BC152" s="496"/>
      <c r="BD152" s="496"/>
      <c r="BE152" s="496"/>
      <c r="BF152" s="496"/>
      <c r="BG152" s="496"/>
      <c r="BH152" s="496"/>
      <c r="BI152" s="496"/>
    </row>
    <row r="153" spans="1:61" ht="13.5" customHeight="1">
      <c r="A153" s="496"/>
      <c r="B153" s="496"/>
      <c r="C153" s="496" t="s">
        <v>272</v>
      </c>
      <c r="D153" s="496"/>
      <c r="E153" s="496"/>
      <c r="F153" s="496"/>
      <c r="G153" s="496"/>
      <c r="H153" s="496"/>
      <c r="I153" s="496"/>
      <c r="J153" s="496"/>
      <c r="K153" s="496"/>
      <c r="L153" s="496"/>
      <c r="M153" s="496"/>
      <c r="N153" s="496"/>
      <c r="O153" s="496"/>
      <c r="P153" s="496"/>
      <c r="Q153" s="496"/>
      <c r="R153" s="496"/>
      <c r="S153" s="496"/>
      <c r="T153" s="496"/>
      <c r="U153" s="496"/>
      <c r="V153" s="496"/>
      <c r="W153" s="496"/>
      <c r="X153" s="496"/>
      <c r="Y153" s="496"/>
      <c r="Z153" s="496"/>
      <c r="AA153" s="496"/>
      <c r="AB153" s="496"/>
      <c r="AC153" s="496"/>
      <c r="AD153" s="496"/>
      <c r="AE153" s="496"/>
      <c r="AF153" s="496"/>
      <c r="AG153" s="496"/>
      <c r="AH153" s="496"/>
      <c r="AI153" s="496"/>
      <c r="AJ153" s="496"/>
      <c r="AK153" s="496"/>
      <c r="AL153" s="496"/>
      <c r="AM153" s="496"/>
      <c r="AN153" s="496"/>
      <c r="AO153" s="496"/>
      <c r="AP153" s="496"/>
      <c r="AQ153" s="496"/>
      <c r="AR153" s="496"/>
      <c r="AS153" s="496"/>
      <c r="AT153" s="496"/>
      <c r="AU153" s="496"/>
      <c r="AV153" s="496"/>
      <c r="AW153" s="496"/>
      <c r="AX153" s="496"/>
      <c r="AY153" s="496"/>
      <c r="AZ153" s="496"/>
      <c r="BA153" s="496"/>
      <c r="BB153" s="496"/>
      <c r="BC153" s="496"/>
      <c r="BD153" s="496"/>
      <c r="BE153" s="496"/>
      <c r="BF153" s="496"/>
      <c r="BG153" s="496"/>
      <c r="BH153" s="496"/>
      <c r="BI153" s="496"/>
    </row>
    <row r="154" spans="1:61" ht="13.5" customHeight="1">
      <c r="A154" s="496"/>
      <c r="B154" s="496"/>
      <c r="C154" s="496" t="s">
        <v>273</v>
      </c>
      <c r="D154" s="496"/>
      <c r="E154" s="496"/>
      <c r="F154" s="496"/>
      <c r="G154" s="496"/>
      <c r="H154" s="496"/>
      <c r="I154" s="496"/>
      <c r="J154" s="496"/>
      <c r="K154" s="496"/>
      <c r="L154" s="496"/>
      <c r="M154" s="496"/>
      <c r="N154" s="496"/>
      <c r="O154" s="496"/>
      <c r="P154" s="496"/>
      <c r="Q154" s="496"/>
      <c r="R154" s="496"/>
      <c r="S154" s="496"/>
      <c r="T154" s="496"/>
      <c r="U154" s="496"/>
      <c r="V154" s="496"/>
      <c r="W154" s="496"/>
      <c r="X154" s="496"/>
      <c r="Y154" s="496"/>
      <c r="Z154" s="496"/>
      <c r="AA154" s="496"/>
      <c r="AB154" s="496"/>
      <c r="AC154" s="496"/>
      <c r="AD154" s="496"/>
      <c r="AE154" s="496"/>
      <c r="AF154" s="496"/>
      <c r="AG154" s="496"/>
      <c r="AH154" s="496"/>
      <c r="AI154" s="496"/>
      <c r="AJ154" s="496"/>
      <c r="AK154" s="496"/>
      <c r="AL154" s="496"/>
      <c r="AM154" s="496"/>
      <c r="AN154" s="496"/>
      <c r="AO154" s="496"/>
      <c r="AP154" s="496"/>
      <c r="AQ154" s="496"/>
      <c r="AR154" s="496"/>
      <c r="AS154" s="496"/>
      <c r="AT154" s="496"/>
      <c r="AU154" s="496"/>
      <c r="AV154" s="496"/>
      <c r="AW154" s="496"/>
      <c r="AX154" s="496"/>
      <c r="AY154" s="496"/>
      <c r="AZ154" s="496"/>
      <c r="BA154" s="496"/>
      <c r="BB154" s="496"/>
      <c r="BC154" s="496"/>
      <c r="BD154" s="496"/>
      <c r="BE154" s="496"/>
      <c r="BF154" s="496"/>
      <c r="BG154" s="496"/>
      <c r="BH154" s="496"/>
      <c r="BI154" s="496"/>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7">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82:G83"/>
    <mergeCell ref="AK82:AL82"/>
    <mergeCell ref="I83:W84"/>
    <mergeCell ref="AI83:BC83"/>
    <mergeCell ref="AI85:BH85"/>
    <mergeCell ref="AT88:BH88"/>
    <mergeCell ref="AJ67:BC67"/>
    <mergeCell ref="AD68:AE68"/>
    <mergeCell ref="AD69:BH69"/>
    <mergeCell ref="AC70:BH70"/>
    <mergeCell ref="AJ72:BC72"/>
    <mergeCell ref="AC74:BH74"/>
    <mergeCell ref="AJ61:BC61"/>
    <mergeCell ref="AJ62:BH62"/>
    <mergeCell ref="AJ63:BH63"/>
    <mergeCell ref="M64:V64"/>
    <mergeCell ref="AC64:BH64"/>
    <mergeCell ref="A66:G66"/>
    <mergeCell ref="AF49:AH49"/>
    <mergeCell ref="BF55:BH55"/>
    <mergeCell ref="AG56:BH56"/>
    <mergeCell ref="AG57:BH57"/>
    <mergeCell ref="I58:W59"/>
    <mergeCell ref="AJ59:BC59"/>
    <mergeCell ref="AJ41:BC41"/>
    <mergeCell ref="M42:V42"/>
    <mergeCell ref="AC42:BH42"/>
    <mergeCell ref="A45:G45"/>
    <mergeCell ref="AJ46:BC46"/>
    <mergeCell ref="AJ48:AW48"/>
    <mergeCell ref="A33:G33"/>
    <mergeCell ref="AY34:BH34"/>
    <mergeCell ref="AF36:AK36"/>
    <mergeCell ref="AR36:BC36"/>
    <mergeCell ref="AR37:BC37"/>
    <mergeCell ref="AM39:BC3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57"/>
  <pageMargins left="0.7" right="0.7" top="0.75" bottom="0.75" header="0.3" footer="0.3"/>
  <pageSetup paperSize="9" scale="87" fitToWidth="0" orientation="landscape" horizontalDpi="4294967294" verticalDpi="120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3075"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3076"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3077"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3078"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3079"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3080"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3081"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3082"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3083"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3084"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3085"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3086"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3087"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3088"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3089"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3090"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3091"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3092"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3093"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3094"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3095"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3096"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3097"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3098"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3099"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3100"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3101"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3102"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3103"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3104"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3105"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3106"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3107"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3108"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3109"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3110"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3111"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3112"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3113"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3114"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3115"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3116"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3117"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3118"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3119"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3120"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3121"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3122"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3123"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3124"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3125"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3126"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3127"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3128"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3129"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3130"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3131"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3132"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3133"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3134"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3135"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3136"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3137"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3138"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3139"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3140"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3141"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3142"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3143"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3144"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3145"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3146"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3147"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3148"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3149"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3150"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3151"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3152"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3153"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3154"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3155"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3156"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3157"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3158"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3159"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3160"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3161"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3162"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3163"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3164"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3165"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3166"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3167"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3168"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3169"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3170"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3171"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3172"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3173"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3174"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3175"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3176"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3177"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3178"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3179"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3180"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3181"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3182"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3183"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3184"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3185"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3186"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3187"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3188"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3189"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3190"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3191"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3192"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3193"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3194"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3195"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3196"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3197"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3198"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3199"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3200"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3201"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3202"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3203"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3204"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3205"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3206"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3207"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3208"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3209"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3210"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3211"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3212"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3213"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3214"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3215"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3216"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3217"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3218"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3219"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3220"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3221"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3222"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3223"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3224"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3225"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3226"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3227"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3228"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3229"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3230"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3231"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3232"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3233"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3234"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3235"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3236"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3237"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3238"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3239"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3240"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3241"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3242"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3243"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3244"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3245"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3246"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3247"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3248"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3249"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3250"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3251"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3252"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3253"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3254"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3255"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3256"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3257"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3258"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3259"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3260"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3261"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3262"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3263"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3264"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3265"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3266"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3267"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3268"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3269"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3270"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3271"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3272"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3273"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3274"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3275"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3276"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3277"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3278"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3279"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3280"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3281"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3282"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3283"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3284"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3285"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3286"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3287"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3288"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3289"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3290"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3291"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3292"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3293"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3294"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3295"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3296"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3297"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3298"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3299"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3300"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3301"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3302"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3303"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3304"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3305"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3306"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3307"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3308"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3309"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3310"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3311"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3312"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3313"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3314"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3315"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3316"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3317"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3318"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3319"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3320"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3321"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3322"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3324" r:id="rId254" name="Check Box 252">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3325" r:id="rId255" name="Check Box 253">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3326" r:id="rId256" name="Check Box 254">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3327" r:id="rId257" name="Check Box 255">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3328" r:id="rId258" name="Check Box 256">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3329" r:id="rId259" name="Check Box 257">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3330" r:id="rId260" name="Check Box 258">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3331" r:id="rId261" name="Check Box 259">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3332" r:id="rId262" name="Check Box 260">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3333" r:id="rId263" name="Check Box 261">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3334" r:id="rId264" name="Check Box 262">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3335" r:id="rId265" name="Check Box 263">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3336" r:id="rId266" name="Check Box 264">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3337" r:id="rId267" name="Check Box 265">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3338" r:id="rId268" name="Check Box 266">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3339" r:id="rId269" name="Check Box 267">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3340" r:id="rId270" name="Check Box 268">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3341" r:id="rId271" name="Check Box 269">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3342" r:id="rId272" name="Check Box 270">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3343" r:id="rId273" name="Check Box 271">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3344" r:id="rId274" name="Check Box 272">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3345" r:id="rId275" name="Check Box 273">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3346" r:id="rId276" name="Check Box 274">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3347" r:id="rId277" name="Check Box 275">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3348" r:id="rId278" name="Check Box 276">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3349" r:id="rId279" name="Check Box 277">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3350" r:id="rId280" name="Check Box 278">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3351" r:id="rId281" name="Check Box 279">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3352" r:id="rId282" name="Check Box 280">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3353" r:id="rId283" name="Check Box 281">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3354" r:id="rId284" name="Check Box 282">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3355" r:id="rId285" name="Check Box 283">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3356" r:id="rId286" name="Check Box 284">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3357" r:id="rId287" name="Check Box 285">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3358" r:id="rId288" name="Check Box 286">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3359" r:id="rId289" name="Check Box 287">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3360" r:id="rId290" name="Check Box 288">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3361" r:id="rId291" name="Check Box 289">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3362" r:id="rId292" name="Check Box 290">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3363" r:id="rId293" name="Check Box 291">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3364" r:id="rId294" name="Check Box 292">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3365" r:id="rId295" name="Check Box 293">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3366" r:id="rId296" name="Check Box 294">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3367" r:id="rId297" name="Check Box 295">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3368" r:id="rId298" name="Check Box 296">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3369" r:id="rId299" name="Check Box 297">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3370" r:id="rId300" name="Check Box 298">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3371" r:id="rId301" name="Check Box 299">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3372" r:id="rId302" name="Check Box 300">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3373" r:id="rId303" name="Check Box 301">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3374" r:id="rId304" name="Check Box 302">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3375" r:id="rId305" name="Check Box 303">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3376" r:id="rId306" name="Check Box 304">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3377" r:id="rId307" name="Check Box 305">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3378" r:id="rId308" name="Check Box 306">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3379" r:id="rId309" name="Check Box 307">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3380" r:id="rId310" name="Check Box 308">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3381" r:id="rId311" name="Check Box 309">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3382" r:id="rId312" name="Check Box 310">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3383" r:id="rId313" name="Check Box 311">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3384" r:id="rId314" name="Check Box 312">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3385" r:id="rId315" name="Check Box 313">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3386" r:id="rId316" name="Check Box 314">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3387" r:id="rId317" name="Check Box 315">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3388" r:id="rId318" name="Check Box 316">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3389" r:id="rId319" name="Check Box 317">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3390" r:id="rId320" name="Check Box 318">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3391" r:id="rId321" name="Check Box 319">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3392" r:id="rId322" name="Check Box 320">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3393" r:id="rId323" name="Check Box 321">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3394" r:id="rId324" name="Check Box 322">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3395" r:id="rId325" name="Check Box 323">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3396" r:id="rId326" name="Check Box 324">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3397" r:id="rId327" name="Check Box 325">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3398" r:id="rId328" name="Check Box 326">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3399" r:id="rId329" name="Check Box 327">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3400" r:id="rId330" name="Check Box 328">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3401" r:id="rId331" name="Check Box 329">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3402" r:id="rId332" name="Check Box 330">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3403" r:id="rId333" name="Check Box 331">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3404" r:id="rId334" name="Check Box 332">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3405" r:id="rId335" name="Check Box 333">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3406" r:id="rId336" name="Check Box 334">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3407" r:id="rId337" name="Check Box 335">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3408" r:id="rId338" name="Check Box 336">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3409" r:id="rId339" name="Check Box 337">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3410" r:id="rId340" name="Check Box 338">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3411" r:id="rId341" name="Check Box 339">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3412" r:id="rId342" name="Check Box 340">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3413" r:id="rId343" name="Check Box 341">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3414" r:id="rId344" name="Check Box 342">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3415" r:id="rId345" name="Check Box 343">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3416" r:id="rId346" name="Check Box 344">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3417" r:id="rId347" name="Check Box 345">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3418" r:id="rId348" name="Check Box 346">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3419" r:id="rId349" name="Check Box 347">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3420" r:id="rId350" name="Check Box 348">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3421" r:id="rId351" name="Check Box 349">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3422" r:id="rId352" name="Check Box 350">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3423" r:id="rId353" name="Check Box 351">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3424" r:id="rId354" name="Check Box 352">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3425" r:id="rId355" name="Check Box 353">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3426" r:id="rId356" name="Check Box 354">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3427" r:id="rId357" name="Check Box 355">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3428" r:id="rId358" name="Check Box 356">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3429" r:id="rId359" name="Check Box 357">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3430" r:id="rId360" name="Check Box 358">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3431" r:id="rId361" name="Check Box 359">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3432" r:id="rId362" name="Check Box 360">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3433" r:id="rId363" name="Check Box 361">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3434" r:id="rId364" name="Check Box 362">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3435" r:id="rId365" name="Check Box 363">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3436" r:id="rId366" name="Check Box 364">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3437" r:id="rId367" name="Check Box 365">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3438" r:id="rId368" name="Check Box 366">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3439" r:id="rId369" name="Check Box 367">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3440" r:id="rId370" name="Check Box 368">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3441" r:id="rId371" name="Check Box 369">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3442" r:id="rId372" name="Check Box 370">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3443" r:id="rId373" name="Check Box 371">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3444" r:id="rId374" name="Check Box 372">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3445" r:id="rId375" name="Check Box 373">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3446" r:id="rId376" name="Check Box 374">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3447" r:id="rId377" name="Check Box 375">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3448" r:id="rId378" name="Check Box 376">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3449" r:id="rId379" name="Check Box 377">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3450" r:id="rId380" name="Check Box 378">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3451" r:id="rId381" name="Check Box 379">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3452" r:id="rId382" name="Check Box 380">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3453" r:id="rId383" name="Check Box 381">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3454" r:id="rId384" name="Check Box 382">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3455" r:id="rId385" name="Check Box 383">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3456" r:id="rId386" name="Check Box 384">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3457" r:id="rId387" name="Check Box 385">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3458" r:id="rId388" name="Check Box 386">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3459" r:id="rId389" name="Check Box 387">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3460" r:id="rId390" name="Check Box 388">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3461" r:id="rId391" name="Check Box 389">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3462" r:id="rId392" name="Check Box 390">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3463" r:id="rId393" name="Check Box 391">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3464" r:id="rId394" name="Check Box 392">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3465" r:id="rId395" name="Check Box 393">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3466" r:id="rId396" name="Check Box 394">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3467" r:id="rId397" name="Check Box 395">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3468" r:id="rId398" name="Check Box 396">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3469" r:id="rId399" name="Check Box 397">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3470" r:id="rId400" name="Check Box 398">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3471" r:id="rId401" name="Check Box 399">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3472" r:id="rId402" name="Check Box 400">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3473" r:id="rId403" name="Check Box 401">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3474" r:id="rId404" name="Check Box 402">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3475" r:id="rId405" name="Check Box 403">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3476" r:id="rId406" name="Check Box 404">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3477" r:id="rId407" name="Check Box 405">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3478" r:id="rId408" name="Check Box 406">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3479" r:id="rId409" name="Check Box 407">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3480" r:id="rId410" name="Check Box 408">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3481" r:id="rId411" name="Check Box 409">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3482" r:id="rId412" name="Check Box 410">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3483" r:id="rId413" name="Check Box 411">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3484" r:id="rId414" name="Check Box 412">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3485" r:id="rId415" name="Check Box 413">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3486" r:id="rId416" name="Check Box 414">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3487" r:id="rId417" name="Check Box 415">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3488" r:id="rId418" name="Check Box 416">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3489" r:id="rId419" name="Check Box 417">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3490" r:id="rId420" name="Check Box 418">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3491" r:id="rId421" name="Check Box 419">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3492" r:id="rId422" name="Check Box 420">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3493" r:id="rId423" name="Check Box 421">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3494" r:id="rId424" name="Check Box 422">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3495" r:id="rId425" name="Check Box 423">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3496" r:id="rId426" name="Check Box 424">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3497" r:id="rId427" name="Check Box 425">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3498" r:id="rId428" name="Check Box 426">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3499" r:id="rId429" name="Check Box 427">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3500" r:id="rId430" name="Check Box 428">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3501" r:id="rId431" name="Check Box 429">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3502" r:id="rId432" name="Check Box 430">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3503" r:id="rId433" name="Check Box 431">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3504" r:id="rId434" name="Check Box 432">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3505" r:id="rId435" name="Check Box 433">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3506" r:id="rId436" name="Check Box 434">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3507" r:id="rId437" name="Check Box 435">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3508" r:id="rId438" name="Check Box 436">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3509" r:id="rId439" name="Check Box 437">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3510" r:id="rId440" name="Check Box 438">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3511" r:id="rId441" name="Check Box 439">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3512" r:id="rId442" name="Check Box 440">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3513" r:id="rId443" name="Check Box 441">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3514" r:id="rId444" name="Check Box 442">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3515" r:id="rId445" name="Check Box 443">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3516" r:id="rId446" name="Check Box 444">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3517" r:id="rId447" name="Check Box 445">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3518" r:id="rId448" name="Check Box 446">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3519" r:id="rId449" name="Check Box 447">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3520" r:id="rId450" name="Check Box 448">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3521" r:id="rId451" name="Check Box 449">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3522" r:id="rId452" name="Check Box 450">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3523" r:id="rId453" name="Check Box 451">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3524" r:id="rId454" name="Check Box 452">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3525" r:id="rId455" name="Check Box 453">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3526" r:id="rId456" name="Check Box 454">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3527" r:id="rId457" name="Check Box 455">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3528" r:id="rId458" name="Check Box 456">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3529" r:id="rId459" name="Check Box 457">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3530" r:id="rId460" name="Check Box 458">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3531" r:id="rId461" name="Check Box 459">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3532" r:id="rId462" name="Check Box 460">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3533" r:id="rId463" name="Check Box 461">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3534" r:id="rId464" name="Check Box 462">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3535" r:id="rId465" name="Check Box 463">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3536" r:id="rId466" name="Check Box 464">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3537" r:id="rId467" name="Check Box 465">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3538" r:id="rId468" name="Check Box 466">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3539" r:id="rId469" name="Check Box 467">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3540" r:id="rId470" name="Check Box 468">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3541" r:id="rId471" name="Check Box 469">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3542" r:id="rId472" name="Check Box 470">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3543" r:id="rId473" name="Check Box 471">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3544" r:id="rId474" name="Check Box 472">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3545" r:id="rId475" name="Check Box 473">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3546" r:id="rId476" name="Check Box 474">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3547" r:id="rId477" name="Check Box 475">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3548" r:id="rId478" name="Check Box 476">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3549" r:id="rId479" name="Check Box 477">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3550" r:id="rId480" name="Check Box 478">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3551" r:id="rId481" name="Check Box 479">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3552" r:id="rId482" name="Check Box 480">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3553" r:id="rId483" name="Check Box 481">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3554" r:id="rId484" name="Check Box 482">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3555" r:id="rId485" name="Check Box 483">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3556" r:id="rId486" name="Check Box 484">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3557" r:id="rId487" name="Check Box 485">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3558" r:id="rId488" name="Check Box 486">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3559" r:id="rId489" name="Check Box 487">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3560" r:id="rId490" name="Check Box 488">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3561" r:id="rId491" name="Check Box 489">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3562" r:id="rId492" name="Check Box 490">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3563" r:id="rId493" name="Check Box 491">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3564" r:id="rId494" name="Check Box 492">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3565" r:id="rId495" name="Check Box 493">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3566" r:id="rId496" name="Check Box 494">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3567" r:id="rId497" name="Check Box 495">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3568" r:id="rId498" name="Check Box 496">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3569" r:id="rId499" name="Check Box 497">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3570" r:id="rId500" name="Check Box 498">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3571" r:id="rId501" name="Check Box 499">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3572" r:id="rId502" name="Check Box 500">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3573" r:id="rId503" name="Check Box 501">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97"/>
  <sheetViews>
    <sheetView showGridLines="0" zoomScale="85" zoomScaleNormal="85" zoomScaleSheetLayoutView="50" workbookViewId="0"/>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20" ht="14.25">
      <c r="A1" s="1" t="s">
        <v>1</v>
      </c>
      <c r="B1" s="1" t="s">
        <v>522</v>
      </c>
      <c r="C1" s="1"/>
      <c r="D1" s="2"/>
      <c r="E1" s="3"/>
      <c r="F1" s="3"/>
      <c r="G1" s="4"/>
      <c r="H1" s="4"/>
      <c r="I1" s="4"/>
      <c r="J1" s="4"/>
      <c r="K1" s="1"/>
      <c r="L1" s="1"/>
    </row>
    <row r="2" spans="1:20" ht="15" thickBot="1">
      <c r="A2" s="1" t="s">
        <v>2</v>
      </c>
      <c r="B2" s="1" t="s">
        <v>523</v>
      </c>
      <c r="C2" s="1"/>
      <c r="D2" s="1"/>
      <c r="E2" s="3"/>
      <c r="F2" s="3"/>
      <c r="G2" s="4"/>
      <c r="H2" s="4"/>
      <c r="I2" s="4"/>
      <c r="J2" s="4"/>
      <c r="K2" s="1"/>
      <c r="L2" s="1"/>
    </row>
    <row r="3" spans="1:20" ht="21">
      <c r="A3" s="5"/>
      <c r="B3" s="6"/>
      <c r="C3" s="6"/>
      <c r="D3" s="955" t="s">
        <v>3</v>
      </c>
      <c r="E3" s="955"/>
      <c r="F3" s="955"/>
      <c r="G3" s="7"/>
      <c r="H3" s="8" t="s">
        <v>285</v>
      </c>
      <c r="I3" s="9"/>
      <c r="J3" s="9"/>
      <c r="K3" s="9"/>
      <c r="L3" s="10"/>
    </row>
    <row r="4" spans="1:20" ht="14.25">
      <c r="A4" s="11" t="s">
        <v>4</v>
      </c>
      <c r="B4" s="12" t="s">
        <v>5</v>
      </c>
      <c r="C4" s="13" t="s">
        <v>6</v>
      </c>
      <c r="D4" s="13" t="s">
        <v>7</v>
      </c>
      <c r="E4" s="13" t="s">
        <v>8</v>
      </c>
      <c r="F4" s="13" t="s">
        <v>9</v>
      </c>
      <c r="G4" s="14" t="s">
        <v>10</v>
      </c>
      <c r="H4" s="14" t="s">
        <v>11</v>
      </c>
      <c r="I4" s="956" t="s">
        <v>20</v>
      </c>
      <c r="J4" s="957"/>
      <c r="K4" s="957"/>
      <c r="L4" s="15"/>
    </row>
    <row r="5" spans="1:20" ht="14.25">
      <c r="A5" s="158"/>
      <c r="B5" s="159"/>
      <c r="C5" s="16"/>
      <c r="D5" s="17"/>
      <c r="E5" s="18"/>
      <c r="F5" s="18"/>
      <c r="G5" s="19"/>
      <c r="H5" s="20"/>
      <c r="I5" s="264"/>
      <c r="J5" s="198"/>
      <c r="K5" s="198"/>
      <c r="L5" s="21"/>
      <c r="M5" s="265"/>
      <c r="N5" s="1"/>
      <c r="O5" s="1"/>
      <c r="P5" s="1"/>
      <c r="Q5" s="1"/>
      <c r="R5" s="1"/>
      <c r="S5" s="1"/>
      <c r="T5" s="1"/>
    </row>
    <row r="6" spans="1:20" ht="14.25">
      <c r="A6" s="160"/>
      <c r="B6" s="161"/>
      <c r="C6" s="22"/>
      <c r="D6" s="23"/>
      <c r="E6" s="24"/>
      <c r="F6" s="24"/>
      <c r="G6" s="25"/>
      <c r="H6" s="26"/>
      <c r="I6" s="27"/>
      <c r="J6" s="28"/>
      <c r="K6" s="29"/>
      <c r="L6" s="30"/>
      <c r="M6" s="265"/>
      <c r="N6" s="1"/>
      <c r="O6" s="1"/>
      <c r="P6" s="1"/>
      <c r="Q6" s="1"/>
      <c r="R6" s="1"/>
      <c r="S6" s="1"/>
      <c r="T6" s="1"/>
    </row>
    <row r="7" spans="1:20" ht="14.25">
      <c r="A7" s="162" t="s">
        <v>21</v>
      </c>
      <c r="B7" s="163"/>
      <c r="C7" s="31"/>
      <c r="D7" s="32"/>
      <c r="E7" s="33" t="s">
        <v>0</v>
      </c>
      <c r="F7" s="33">
        <v>1</v>
      </c>
      <c r="G7" s="34"/>
      <c r="H7" s="35"/>
      <c r="I7" s="266"/>
      <c r="J7" s="36"/>
      <c r="K7" s="36"/>
      <c r="L7" s="37"/>
      <c r="M7" s="265"/>
      <c r="N7" s="1"/>
      <c r="O7" s="1"/>
      <c r="P7" s="1"/>
      <c r="Q7" s="1"/>
      <c r="R7" s="1"/>
      <c r="S7" s="1"/>
      <c r="T7" s="1"/>
    </row>
    <row r="8" spans="1:20" ht="14.25">
      <c r="A8" s="160"/>
      <c r="B8" s="161"/>
      <c r="C8" s="22"/>
      <c r="D8" s="23"/>
      <c r="E8" s="24"/>
      <c r="F8" s="24"/>
      <c r="G8" s="25"/>
      <c r="H8" s="732"/>
      <c r="I8" s="267"/>
      <c r="J8" s="29"/>
      <c r="K8" s="29"/>
      <c r="L8" s="21"/>
      <c r="M8" s="265"/>
      <c r="N8" s="1"/>
      <c r="O8" s="1"/>
      <c r="P8" s="1"/>
      <c r="Q8" s="1"/>
      <c r="R8" s="1"/>
      <c r="S8" s="1"/>
      <c r="T8" s="1"/>
    </row>
    <row r="9" spans="1:20" ht="14.25">
      <c r="A9" s="160"/>
      <c r="B9" s="161"/>
      <c r="C9" s="22"/>
      <c r="D9" s="23"/>
      <c r="E9" s="24"/>
      <c r="F9" s="24"/>
      <c r="G9" s="25"/>
      <c r="H9" s="732"/>
      <c r="I9" s="267"/>
      <c r="J9" s="29"/>
      <c r="K9" s="29"/>
      <c r="L9" s="30"/>
      <c r="M9" s="265"/>
      <c r="N9" s="1"/>
      <c r="O9" s="1"/>
      <c r="P9" s="1"/>
      <c r="Q9" s="1"/>
      <c r="R9" s="1"/>
      <c r="S9" s="1"/>
      <c r="T9" s="1"/>
    </row>
    <row r="10" spans="1:20" ht="14.25">
      <c r="A10" s="164" t="s">
        <v>12</v>
      </c>
      <c r="B10" s="165"/>
      <c r="C10" s="39"/>
      <c r="D10" s="23"/>
      <c r="E10" s="33" t="s">
        <v>0</v>
      </c>
      <c r="F10" s="33">
        <v>1</v>
      </c>
      <c r="G10" s="25"/>
      <c r="H10" s="732"/>
      <c r="I10" s="267"/>
      <c r="J10" s="29"/>
      <c r="K10" s="29"/>
      <c r="L10" s="37"/>
      <c r="M10" s="265"/>
      <c r="N10" s="1"/>
      <c r="O10" s="1"/>
      <c r="P10" s="1"/>
      <c r="Q10" s="1"/>
      <c r="R10" s="1"/>
      <c r="S10" s="1"/>
      <c r="T10" s="1"/>
    </row>
    <row r="11" spans="1:20" ht="14.25">
      <c r="A11" s="158"/>
      <c r="B11" s="159"/>
      <c r="C11" s="16"/>
      <c r="D11" s="17"/>
      <c r="E11" s="18"/>
      <c r="F11" s="18"/>
      <c r="G11" s="19"/>
      <c r="H11" s="20"/>
      <c r="I11" s="40"/>
      <c r="J11" s="197"/>
      <c r="K11" s="198"/>
      <c r="L11" s="21"/>
      <c r="M11" s="265"/>
      <c r="N11" s="1"/>
      <c r="O11" s="1"/>
      <c r="P11" s="1"/>
      <c r="Q11" s="1"/>
      <c r="R11" s="1"/>
      <c r="S11" s="1"/>
      <c r="T11" s="1"/>
    </row>
    <row r="12" spans="1:20" ht="14.25">
      <c r="A12" s="160"/>
      <c r="B12" s="161"/>
      <c r="C12" s="22"/>
      <c r="D12" s="23"/>
      <c r="E12" s="24"/>
      <c r="F12" s="24"/>
      <c r="G12" s="25"/>
      <c r="H12" s="733"/>
      <c r="I12" s="268"/>
      <c r="J12" s="269"/>
      <c r="K12" s="270"/>
      <c r="L12" s="30"/>
      <c r="M12" s="265"/>
      <c r="N12" s="1"/>
      <c r="O12" s="1"/>
      <c r="P12" s="1"/>
      <c r="Q12" s="1"/>
      <c r="R12" s="1"/>
      <c r="S12" s="1"/>
      <c r="T12" s="1"/>
    </row>
    <row r="13" spans="1:20" ht="14.25">
      <c r="A13" s="166"/>
      <c r="B13" s="167" t="s">
        <v>13</v>
      </c>
      <c r="C13" s="31"/>
      <c r="D13" s="32"/>
      <c r="E13" s="33"/>
      <c r="F13" s="33"/>
      <c r="G13" s="34"/>
      <c r="H13" s="734"/>
      <c r="I13" s="42"/>
      <c r="J13" s="43"/>
      <c r="K13" s="735"/>
      <c r="L13" s="37"/>
      <c r="M13" s="265"/>
      <c r="N13" s="1"/>
      <c r="O13" s="1"/>
      <c r="P13" s="1"/>
      <c r="Q13" s="1"/>
      <c r="R13" s="1"/>
      <c r="S13" s="1"/>
      <c r="T13" s="1"/>
    </row>
    <row r="14" spans="1:20" ht="14.25">
      <c r="A14" s="158"/>
      <c r="B14" s="159"/>
      <c r="C14" s="16"/>
      <c r="D14" s="17"/>
      <c r="E14" s="18"/>
      <c r="F14" s="18"/>
      <c r="G14" s="19"/>
      <c r="H14" s="19"/>
      <c r="I14" s="40"/>
      <c r="J14" s="197"/>
      <c r="K14" s="198"/>
      <c r="L14" s="21"/>
      <c r="M14" s="265"/>
      <c r="N14" s="1"/>
      <c r="O14" s="1"/>
      <c r="P14" s="1"/>
      <c r="Q14" s="1"/>
      <c r="R14" s="1"/>
      <c r="S14" s="1"/>
      <c r="T14" s="1"/>
    </row>
    <row r="15" spans="1:20" ht="14.25">
      <c r="A15" s="160"/>
      <c r="B15" s="161"/>
      <c r="C15" s="22"/>
      <c r="D15" s="23"/>
      <c r="E15" s="24"/>
      <c r="F15" s="24"/>
      <c r="G15" s="25"/>
      <c r="H15" s="736"/>
      <c r="I15" s="272"/>
      <c r="J15" s="273"/>
      <c r="K15" s="274"/>
      <c r="L15" s="30"/>
      <c r="M15" s="265"/>
      <c r="N15" s="1"/>
      <c r="O15" s="1"/>
      <c r="P15" s="1"/>
      <c r="Q15" s="1"/>
      <c r="R15" s="1"/>
      <c r="S15" s="1"/>
      <c r="T15" s="1"/>
    </row>
    <row r="16" spans="1:20" ht="14.25">
      <c r="A16" s="168"/>
      <c r="B16" s="167" t="s">
        <v>14</v>
      </c>
      <c r="C16" s="44"/>
      <c r="D16" s="32"/>
      <c r="E16" s="33"/>
      <c r="F16" s="33"/>
      <c r="G16" s="34"/>
      <c r="H16" s="734"/>
      <c r="I16" s="45"/>
      <c r="J16" s="46"/>
      <c r="K16" s="47"/>
      <c r="L16" s="37"/>
      <c r="M16" s="265"/>
      <c r="N16" s="1"/>
      <c r="O16" s="1"/>
      <c r="P16" s="1"/>
      <c r="Q16" s="1"/>
      <c r="R16" s="1"/>
      <c r="S16" s="1"/>
      <c r="T16" s="1"/>
    </row>
    <row r="17" spans="1:20" ht="14.25">
      <c r="A17" s="164"/>
      <c r="B17" s="165"/>
      <c r="C17" s="39"/>
      <c r="D17" s="23"/>
      <c r="E17" s="24"/>
      <c r="F17" s="24"/>
      <c r="G17" s="25"/>
      <c r="H17" s="736"/>
      <c r="I17" s="267"/>
      <c r="J17" s="48"/>
      <c r="K17" s="49"/>
      <c r="L17" s="21"/>
      <c r="M17" s="265"/>
      <c r="N17" s="1"/>
      <c r="O17" s="1"/>
      <c r="P17" s="1"/>
      <c r="Q17" s="1"/>
      <c r="R17" s="1"/>
      <c r="S17" s="1"/>
      <c r="T17" s="1"/>
    </row>
    <row r="18" spans="1:20" ht="14.25">
      <c r="A18" s="164"/>
      <c r="B18" s="165"/>
      <c r="C18" s="39"/>
      <c r="D18" s="23"/>
      <c r="E18" s="24"/>
      <c r="F18" s="24"/>
      <c r="G18" s="25"/>
      <c r="H18" s="736"/>
      <c r="I18" s="50"/>
      <c r="J18" s="48"/>
      <c r="K18" s="49"/>
      <c r="L18" s="30"/>
      <c r="M18" s="265"/>
      <c r="N18" s="1"/>
      <c r="O18" s="1"/>
      <c r="P18" s="1"/>
      <c r="Q18" s="1"/>
      <c r="R18" s="1"/>
      <c r="S18" s="1"/>
      <c r="T18" s="1"/>
    </row>
    <row r="19" spans="1:20" ht="14.25">
      <c r="A19" s="164" t="s">
        <v>15</v>
      </c>
      <c r="B19" s="165"/>
      <c r="C19" s="39"/>
      <c r="D19" s="23"/>
      <c r="E19" s="33" t="s">
        <v>0</v>
      </c>
      <c r="F19" s="33">
        <v>1</v>
      </c>
      <c r="G19" s="25"/>
      <c r="H19" s="736"/>
      <c r="I19" s="267"/>
      <c r="J19" s="48"/>
      <c r="K19" s="49"/>
      <c r="L19" s="37"/>
      <c r="M19" s="265"/>
      <c r="N19" s="1"/>
      <c r="O19" s="1"/>
      <c r="P19" s="1"/>
      <c r="Q19" s="1"/>
      <c r="R19" s="1"/>
      <c r="S19" s="1"/>
      <c r="T19" s="1"/>
    </row>
    <row r="20" spans="1:20" ht="14.25">
      <c r="A20" s="158"/>
      <c r="B20" s="159"/>
      <c r="C20" s="16"/>
      <c r="D20" s="17"/>
      <c r="E20" s="18"/>
      <c r="F20" s="18"/>
      <c r="G20" s="19"/>
      <c r="H20" s="737"/>
      <c r="I20" s="40"/>
      <c r="J20" s="197"/>
      <c r="K20" s="198"/>
      <c r="L20" s="21"/>
      <c r="M20" s="265"/>
      <c r="N20" s="1"/>
      <c r="O20" s="1"/>
      <c r="P20" s="1"/>
      <c r="Q20" s="1"/>
      <c r="R20" s="1"/>
      <c r="S20" s="1"/>
      <c r="T20" s="1"/>
    </row>
    <row r="21" spans="1:20" ht="14.25">
      <c r="A21" s="160"/>
      <c r="B21" s="161"/>
      <c r="C21" s="22"/>
      <c r="D21" s="23"/>
      <c r="E21" s="24"/>
      <c r="F21" s="24"/>
      <c r="G21" s="25"/>
      <c r="H21" s="736"/>
      <c r="I21" s="268"/>
      <c r="J21" s="269"/>
      <c r="K21" s="270"/>
      <c r="L21" s="30"/>
      <c r="M21" s="265"/>
      <c r="N21" s="1"/>
      <c r="O21" s="1"/>
      <c r="P21" s="1"/>
      <c r="Q21" s="1"/>
      <c r="R21" s="1"/>
      <c r="S21" s="1"/>
      <c r="T21" s="1"/>
    </row>
    <row r="22" spans="1:20" ht="14.25">
      <c r="A22" s="166"/>
      <c r="B22" s="167" t="s">
        <v>16</v>
      </c>
      <c r="C22" s="41"/>
      <c r="D22" s="32"/>
      <c r="E22" s="33"/>
      <c r="F22" s="33"/>
      <c r="G22" s="34"/>
      <c r="H22" s="734"/>
      <c r="I22" s="42"/>
      <c r="J22" s="43"/>
      <c r="K22" s="735"/>
      <c r="L22" s="37"/>
      <c r="M22" s="265"/>
      <c r="N22" s="1"/>
      <c r="O22" s="1"/>
      <c r="P22" s="1"/>
      <c r="Q22" s="1"/>
      <c r="R22" s="1"/>
      <c r="S22" s="1"/>
      <c r="T22" s="1"/>
    </row>
    <row r="23" spans="1:20" ht="14.25">
      <c r="A23" s="158"/>
      <c r="B23" s="159"/>
      <c r="C23" s="16"/>
      <c r="D23" s="17"/>
      <c r="E23" s="18"/>
      <c r="F23" s="18"/>
      <c r="G23" s="19"/>
      <c r="H23" s="737"/>
      <c r="I23" s="40"/>
      <c r="J23" s="197"/>
      <c r="K23" s="198"/>
      <c r="L23" s="21"/>
      <c r="M23" s="265"/>
      <c r="N23" s="1"/>
      <c r="O23" s="1"/>
      <c r="P23" s="1"/>
      <c r="Q23" s="1"/>
      <c r="R23" s="1"/>
      <c r="S23" s="1"/>
      <c r="T23" s="1"/>
    </row>
    <row r="24" spans="1:20" ht="14.25">
      <c r="A24" s="160"/>
      <c r="B24" s="161"/>
      <c r="C24" s="22"/>
      <c r="D24" s="23"/>
      <c r="E24" s="24"/>
      <c r="F24" s="24"/>
      <c r="G24" s="25"/>
      <c r="H24" s="736"/>
      <c r="I24" s="275"/>
      <c r="J24" s="273"/>
      <c r="K24" s="276"/>
      <c r="L24" s="30"/>
      <c r="M24" s="265"/>
      <c r="N24" s="1"/>
      <c r="O24" s="1"/>
      <c r="P24" s="1"/>
      <c r="Q24" s="1"/>
      <c r="R24" s="1"/>
      <c r="S24" s="1"/>
      <c r="T24" s="1"/>
    </row>
    <row r="25" spans="1:20" ht="14.25">
      <c r="A25" s="162"/>
      <c r="B25" s="169" t="s">
        <v>17</v>
      </c>
      <c r="C25" s="31"/>
      <c r="D25" s="32"/>
      <c r="E25" s="33"/>
      <c r="F25" s="33"/>
      <c r="G25" s="34"/>
      <c r="H25" s="734"/>
      <c r="I25" s="45"/>
      <c r="J25" s="51"/>
      <c r="K25" s="52"/>
      <c r="L25" s="37"/>
      <c r="M25" s="265"/>
      <c r="N25" s="265"/>
      <c r="O25" s="265"/>
      <c r="P25" s="265"/>
      <c r="Q25" s="265"/>
      <c r="R25" s="265"/>
      <c r="S25" s="265"/>
      <c r="T25" s="265"/>
    </row>
    <row r="26" spans="1:20" ht="14.25">
      <c r="A26" s="158"/>
      <c r="B26" s="159"/>
      <c r="C26" s="16"/>
      <c r="D26" s="53"/>
      <c r="E26" s="18"/>
      <c r="F26" s="18"/>
      <c r="G26" s="19"/>
      <c r="H26" s="737"/>
      <c r="I26" s="40"/>
      <c r="J26" s="197"/>
      <c r="K26" s="198"/>
      <c r="L26" s="21"/>
      <c r="M26" s="265"/>
      <c r="N26" s="958"/>
      <c r="O26" s="959"/>
      <c r="P26" s="959"/>
      <c r="Q26" s="959"/>
      <c r="R26" s="959"/>
      <c r="S26" s="959"/>
      <c r="T26" s="265"/>
    </row>
    <row r="27" spans="1:20" ht="14.25">
      <c r="A27" s="160"/>
      <c r="B27" s="161"/>
      <c r="C27" s="22"/>
      <c r="D27" s="23"/>
      <c r="E27" s="24"/>
      <c r="F27" s="24"/>
      <c r="G27" s="25"/>
      <c r="H27" s="736"/>
      <c r="I27" s="275"/>
      <c r="J27" s="273"/>
      <c r="K27" s="277"/>
      <c r="L27" s="30"/>
      <c r="M27" s="265"/>
      <c r="N27" s="958"/>
      <c r="O27" s="731"/>
      <c r="P27" s="731"/>
      <c r="Q27" s="731"/>
      <c r="R27" s="731"/>
      <c r="S27" s="731"/>
      <c r="T27" s="265"/>
    </row>
    <row r="28" spans="1:20" ht="14.25">
      <c r="A28" s="162" t="s">
        <v>18</v>
      </c>
      <c r="B28" s="169"/>
      <c r="C28" s="31"/>
      <c r="D28" s="32"/>
      <c r="E28" s="33" t="s">
        <v>0</v>
      </c>
      <c r="F28" s="33">
        <v>1</v>
      </c>
      <c r="G28" s="34"/>
      <c r="H28" s="734"/>
      <c r="I28" s="45"/>
      <c r="J28" s="46"/>
      <c r="K28" s="47"/>
      <c r="L28" s="37"/>
      <c r="M28" s="265"/>
      <c r="N28" s="731"/>
      <c r="O28" s="731"/>
      <c r="P28" s="731"/>
      <c r="Q28" s="731"/>
      <c r="R28" s="731"/>
      <c r="S28" s="278"/>
      <c r="T28" s="265"/>
    </row>
    <row r="29" spans="1:20" ht="14.25">
      <c r="A29" s="158"/>
      <c r="B29" s="159"/>
      <c r="C29" s="16"/>
      <c r="D29" s="53"/>
      <c r="E29" s="18"/>
      <c r="F29" s="18"/>
      <c r="G29" s="19"/>
      <c r="H29" s="737"/>
      <c r="I29" s="40"/>
      <c r="J29" s="197"/>
      <c r="K29" s="198"/>
      <c r="L29" s="21"/>
      <c r="M29" s="265"/>
      <c r="N29" s="1"/>
      <c r="O29" s="1"/>
      <c r="P29" s="1"/>
      <c r="Q29" s="1"/>
      <c r="R29" s="731"/>
      <c r="S29" s="731"/>
      <c r="T29" s="265"/>
    </row>
    <row r="30" spans="1:20" ht="14.25">
      <c r="A30" s="160"/>
      <c r="B30" s="161"/>
      <c r="C30" s="22"/>
      <c r="D30" s="23"/>
      <c r="E30" s="24"/>
      <c r="F30" s="24"/>
      <c r="G30" s="25"/>
      <c r="H30" s="736"/>
      <c r="I30" s="268"/>
      <c r="J30" s="269"/>
      <c r="K30" s="270"/>
      <c r="L30" s="279"/>
      <c r="M30" s="280"/>
      <c r="N30" s="1"/>
      <c r="O30" s="1"/>
      <c r="P30" s="1"/>
      <c r="Q30" s="1"/>
      <c r="R30" s="265"/>
      <c r="S30" s="265"/>
      <c r="T30" s="265"/>
    </row>
    <row r="31" spans="1:20" ht="14.25">
      <c r="A31" s="170"/>
      <c r="B31" s="167" t="s">
        <v>19</v>
      </c>
      <c r="C31" s="41"/>
      <c r="D31" s="32"/>
      <c r="E31" s="33"/>
      <c r="F31" s="33"/>
      <c r="G31" s="34"/>
      <c r="H31" s="734"/>
      <c r="I31" s="54"/>
      <c r="J31" s="55"/>
      <c r="K31" s="879"/>
      <c r="L31" s="880"/>
      <c r="M31" s="265"/>
      <c r="N31" s="754"/>
      <c r="O31" s="754"/>
      <c r="P31" s="265"/>
      <c r="Q31" s="265"/>
      <c r="R31" s="265"/>
      <c r="S31" s="1"/>
      <c r="T31" s="1"/>
    </row>
    <row r="32" spans="1:20" ht="14.25">
      <c r="A32" s="195"/>
      <c r="B32" s="196"/>
      <c r="C32" s="39"/>
      <c r="D32" s="17"/>
      <c r="E32" s="18"/>
      <c r="F32" s="18"/>
      <c r="G32" s="56"/>
      <c r="H32" s="20"/>
      <c r="I32" s="57"/>
      <c r="J32" s="197"/>
      <c r="K32" s="198"/>
      <c r="L32" s="21"/>
      <c r="M32" s="265"/>
      <c r="N32" s="754"/>
      <c r="O32" s="754"/>
      <c r="P32" s="265"/>
      <c r="Q32" s="265"/>
      <c r="R32" s="265"/>
      <c r="S32" s="1"/>
      <c r="T32" s="1"/>
    </row>
    <row r="33" spans="1:20" ht="14.25">
      <c r="A33" s="199" t="s">
        <v>42</v>
      </c>
      <c r="B33" s="196"/>
      <c r="C33" s="39"/>
      <c r="D33" s="23"/>
      <c r="E33" s="24"/>
      <c r="F33" s="24"/>
      <c r="G33" s="58"/>
      <c r="H33" s="26"/>
      <c r="I33" s="59"/>
      <c r="J33" s="60"/>
      <c r="K33" s="61"/>
      <c r="L33" s="30"/>
      <c r="M33" s="265"/>
      <c r="N33" s="754"/>
      <c r="O33" s="754"/>
      <c r="P33" s="265"/>
      <c r="Q33" s="265"/>
      <c r="R33" s="265"/>
      <c r="S33" s="1"/>
      <c r="T33" s="1"/>
    </row>
    <row r="34" spans="1:20" ht="14.25">
      <c r="A34" s="199" t="s">
        <v>43</v>
      </c>
      <c r="B34" s="200" t="s">
        <v>44</v>
      </c>
      <c r="C34" s="39"/>
      <c r="D34" s="41"/>
      <c r="E34" s="33" t="s">
        <v>41</v>
      </c>
      <c r="F34" s="33">
        <v>1</v>
      </c>
      <c r="G34" s="34"/>
      <c r="H34" s="62"/>
      <c r="I34" s="63"/>
      <c r="J34" s="104"/>
      <c r="K34" s="175"/>
      <c r="L34" s="30"/>
      <c r="M34" s="265"/>
      <c r="N34" s="754"/>
      <c r="O34" s="754"/>
      <c r="P34" s="265"/>
      <c r="Q34" s="265"/>
      <c r="R34" s="265"/>
      <c r="S34" s="1"/>
      <c r="T34" s="1"/>
    </row>
    <row r="35" spans="1:20" ht="14.25">
      <c r="A35" s="201"/>
      <c r="B35" s="202"/>
      <c r="C35" s="203"/>
      <c r="D35" s="64"/>
      <c r="E35" s="24"/>
      <c r="F35" s="24"/>
      <c r="G35" s="25"/>
      <c r="H35" s="20"/>
      <c r="I35" s="38"/>
      <c r="J35" s="197"/>
      <c r="K35" s="198"/>
      <c r="L35" s="21"/>
      <c r="M35" s="265"/>
      <c r="N35" s="754"/>
      <c r="O35" s="754"/>
      <c r="P35" s="265"/>
      <c r="Q35" s="265"/>
      <c r="R35" s="265"/>
      <c r="S35" s="1"/>
      <c r="T35" s="1"/>
    </row>
    <row r="36" spans="1:20" ht="14.25">
      <c r="A36" s="195"/>
      <c r="B36" s="196"/>
      <c r="C36" s="39"/>
      <c r="D36" s="64"/>
      <c r="E36" s="24"/>
      <c r="F36" s="24"/>
      <c r="G36" s="25"/>
      <c r="H36" s="62"/>
      <c r="I36" s="59"/>
      <c r="J36" s="60"/>
      <c r="K36" s="61"/>
      <c r="L36" s="30"/>
      <c r="M36" s="265"/>
      <c r="N36" s="754"/>
      <c r="O36" s="754"/>
      <c r="P36" s="265"/>
      <c r="Q36" s="265"/>
      <c r="R36" s="265"/>
      <c r="S36" s="1"/>
      <c r="T36" s="1"/>
    </row>
    <row r="37" spans="1:20" ht="14.25">
      <c r="A37" s="195"/>
      <c r="B37" s="200" t="s">
        <v>45</v>
      </c>
      <c r="C37" s="39"/>
      <c r="D37" s="64"/>
      <c r="E37" s="24"/>
      <c r="F37" s="24"/>
      <c r="G37" s="25"/>
      <c r="H37" s="62"/>
      <c r="I37" s="65"/>
      <c r="J37" s="66"/>
      <c r="K37" s="49"/>
      <c r="L37" s="30"/>
      <c r="M37" s="265"/>
      <c r="N37" s="754"/>
      <c r="O37" s="877"/>
      <c r="P37" s="265"/>
      <c r="Q37" s="265"/>
      <c r="R37" s="265"/>
      <c r="S37" s="1"/>
      <c r="T37" s="1"/>
    </row>
    <row r="38" spans="1:20" ht="14.25">
      <c r="A38" s="372"/>
      <c r="B38" s="373"/>
      <c r="C38" s="373"/>
      <c r="D38" s="374"/>
      <c r="E38" s="375"/>
      <c r="F38" s="375"/>
      <c r="G38" s="271"/>
      <c r="H38" s="376"/>
      <c r="I38" s="377"/>
      <c r="J38" s="377"/>
      <c r="K38" s="378"/>
      <c r="L38" s="379"/>
      <c r="M38" s="265"/>
      <c r="N38" s="754"/>
      <c r="O38" s="877"/>
      <c r="P38" s="265"/>
      <c r="Q38" s="265"/>
      <c r="R38" s="265"/>
      <c r="S38" s="1"/>
      <c r="T38" s="1"/>
    </row>
    <row r="39" spans="1:20" ht="14.25">
      <c r="A39" s="380"/>
      <c r="B39" s="381"/>
      <c r="C39" s="382"/>
      <c r="D39" s="381"/>
      <c r="E39" s="383"/>
      <c r="F39" s="383"/>
      <c r="G39" s="384"/>
      <c r="H39" s="385"/>
      <c r="I39" s="386"/>
      <c r="J39" s="386"/>
      <c r="K39" s="387"/>
      <c r="L39" s="388"/>
      <c r="M39" s="265"/>
      <c r="N39" s="754"/>
      <c r="O39" s="878"/>
      <c r="P39" s="265"/>
      <c r="Q39" s="265"/>
      <c r="R39" s="265"/>
      <c r="S39" s="1"/>
      <c r="T39" s="1"/>
    </row>
    <row r="40" spans="1:20" ht="14.25">
      <c r="A40" s="389" t="s">
        <v>276</v>
      </c>
      <c r="B40" s="390"/>
      <c r="C40" s="391"/>
      <c r="D40" s="392"/>
      <c r="E40" s="393" t="s">
        <v>41</v>
      </c>
      <c r="F40" s="393">
        <v>1</v>
      </c>
      <c r="G40" s="394"/>
      <c r="H40" s="395"/>
      <c r="I40" s="396"/>
      <c r="J40" s="397"/>
      <c r="K40" s="398"/>
      <c r="L40" s="399"/>
      <c r="M40" s="265"/>
      <c r="N40" s="754"/>
      <c r="O40" s="877"/>
      <c r="P40" s="265"/>
      <c r="Q40" s="265"/>
      <c r="R40" s="265"/>
      <c r="S40" s="1"/>
      <c r="T40" s="1"/>
    </row>
    <row r="41" spans="1:20" ht="14.25">
      <c r="A41" s="372"/>
      <c r="B41" s="400"/>
      <c r="C41" s="400"/>
      <c r="D41" s="401"/>
      <c r="E41" s="375"/>
      <c r="F41" s="375"/>
      <c r="G41" s="271"/>
      <c r="H41" s="376"/>
      <c r="I41" s="402"/>
      <c r="J41" s="403"/>
      <c r="K41" s="378"/>
      <c r="L41" s="379"/>
    </row>
    <row r="42" spans="1:20">
      <c r="A42" s="380"/>
      <c r="B42" s="404"/>
      <c r="C42" s="404"/>
      <c r="D42" s="405"/>
      <c r="E42" s="383"/>
      <c r="F42" s="383"/>
      <c r="G42" s="384"/>
      <c r="H42" s="406"/>
      <c r="I42" s="407"/>
      <c r="J42" s="408"/>
      <c r="K42" s="960"/>
      <c r="L42" s="961"/>
    </row>
    <row r="43" spans="1:20">
      <c r="A43" s="409" t="s">
        <v>70</v>
      </c>
      <c r="B43" s="410"/>
      <c r="C43" s="410"/>
      <c r="D43" s="411"/>
      <c r="E43" s="393" t="s">
        <v>41</v>
      </c>
      <c r="F43" s="393">
        <v>1</v>
      </c>
      <c r="G43" s="394"/>
      <c r="H43" s="395"/>
      <c r="I43" s="412"/>
      <c r="J43" s="413"/>
      <c r="K43" s="414"/>
      <c r="L43" s="415"/>
    </row>
    <row r="44" spans="1:20" ht="14.25">
      <c r="A44" s="372"/>
      <c r="B44" s="400"/>
      <c r="C44" s="400"/>
      <c r="D44" s="401"/>
      <c r="E44" s="375"/>
      <c r="F44" s="375"/>
      <c r="G44" s="271"/>
      <c r="H44" s="416"/>
      <c r="I44" s="402"/>
      <c r="J44" s="403"/>
      <c r="K44" s="417"/>
      <c r="L44" s="379"/>
    </row>
    <row r="45" spans="1:20" ht="14.25">
      <c r="A45" s="380"/>
      <c r="B45" s="404"/>
      <c r="C45" s="404"/>
      <c r="D45" s="405"/>
      <c r="E45" s="383"/>
      <c r="F45" s="383"/>
      <c r="G45" s="384"/>
      <c r="H45" s="418"/>
      <c r="I45" s="419"/>
      <c r="J45" s="420"/>
      <c r="K45" s="387"/>
      <c r="L45" s="388"/>
    </row>
    <row r="46" spans="1:20" ht="14.25">
      <c r="A46" s="409"/>
      <c r="B46" s="410"/>
      <c r="C46" s="410"/>
      <c r="D46" s="421"/>
      <c r="E46" s="393"/>
      <c r="F46" s="393"/>
      <c r="G46" s="394"/>
      <c r="H46" s="395"/>
      <c r="I46" s="422"/>
      <c r="J46" s="423"/>
      <c r="K46" s="398"/>
      <c r="L46" s="399"/>
    </row>
    <row r="47" spans="1:20" ht="14.25">
      <c r="A47" s="372"/>
      <c r="B47" s="400"/>
      <c r="C47" s="400"/>
      <c r="D47" s="424"/>
      <c r="E47" s="375"/>
      <c r="F47" s="375"/>
      <c r="G47" s="271"/>
      <c r="H47" s="416"/>
      <c r="I47" s="402"/>
      <c r="J47" s="403"/>
      <c r="K47" s="378"/>
      <c r="L47" s="379"/>
      <c r="P47" s="204"/>
    </row>
    <row r="48" spans="1:20" ht="14.25">
      <c r="A48" s="380"/>
      <c r="B48" s="404"/>
      <c r="C48" s="404"/>
      <c r="D48" s="405"/>
      <c r="E48" s="383"/>
      <c r="F48" s="383"/>
      <c r="G48" s="384"/>
      <c r="H48" s="418"/>
      <c r="I48" s="407"/>
      <c r="J48" s="425"/>
      <c r="K48" s="426"/>
      <c r="L48" s="388"/>
    </row>
    <row r="49" spans="1:12" ht="15" thickBot="1">
      <c r="A49" s="427"/>
      <c r="B49" s="428"/>
      <c r="C49" s="428"/>
      <c r="D49" s="429"/>
      <c r="E49" s="430"/>
      <c r="F49" s="430"/>
      <c r="G49" s="431"/>
      <c r="H49" s="432"/>
      <c r="I49" s="433"/>
      <c r="J49" s="434"/>
      <c r="K49" s="435"/>
      <c r="L49" s="436"/>
    </row>
    <row r="50" spans="1:12" ht="14.25">
      <c r="A50" s="1"/>
      <c r="B50" s="1"/>
      <c r="C50" s="1"/>
      <c r="D50" s="1"/>
      <c r="E50" s="3"/>
      <c r="F50" s="3"/>
      <c r="G50" s="4"/>
      <c r="H50" s="4"/>
      <c r="I50" s="4"/>
      <c r="J50" s="4"/>
      <c r="K50" s="1"/>
      <c r="L50" s="1"/>
    </row>
    <row r="97" spans="7:7">
      <c r="G97" s="485"/>
    </row>
  </sheetData>
  <mergeCells count="5">
    <mergeCell ref="D3:F3"/>
    <mergeCell ref="I4:K4"/>
    <mergeCell ref="N26:N27"/>
    <mergeCell ref="O26:S26"/>
    <mergeCell ref="K42:L42"/>
  </mergeCells>
  <phoneticPr fontId="3"/>
  <dataValidations count="2">
    <dataValidation type="list" allowBlank="1" showInputMessage="1" showErrorMessage="1" sqref="K31">
      <formula1>$O$38:$O$40</formula1>
    </dataValidation>
    <dataValidation type="list" allowBlank="1" showInputMessage="1" showErrorMessage="1" sqref="L31">
      <formula1>$Q$38:$Q$39</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L162"/>
  <sheetViews>
    <sheetView showGridLines="0" zoomScale="120" zoomScaleNormal="120" workbookViewId="0"/>
  </sheetViews>
  <sheetFormatPr defaultRowHeight="13.5"/>
  <cols>
    <col min="1" max="2" width="8.625" customWidth="1"/>
    <col min="3" max="4" width="15.625" customWidth="1"/>
    <col min="5" max="6" width="6.625" customWidth="1"/>
    <col min="7" max="8" width="9.125" customWidth="1"/>
    <col min="9" max="9" width="15.625" customWidth="1"/>
  </cols>
  <sheetData>
    <row r="1" spans="1:12" s="96" customFormat="1" ht="30" customHeight="1">
      <c r="A1" s="116" t="s">
        <v>39</v>
      </c>
      <c r="B1" s="117" t="s">
        <v>40</v>
      </c>
      <c r="C1" s="117" t="s">
        <v>36</v>
      </c>
      <c r="D1" s="117" t="s">
        <v>37</v>
      </c>
      <c r="E1" s="117" t="s">
        <v>33</v>
      </c>
      <c r="F1" s="117" t="s">
        <v>32</v>
      </c>
      <c r="G1" s="117" t="s">
        <v>34</v>
      </c>
      <c r="H1" s="114" t="s">
        <v>35</v>
      </c>
      <c r="I1" s="118" t="s">
        <v>38</v>
      </c>
    </row>
    <row r="2" spans="1:12" s="95" customFormat="1" ht="9.9499999999999993" customHeight="1">
      <c r="A2" s="81"/>
      <c r="B2" s="68"/>
      <c r="C2" s="68"/>
      <c r="D2" s="68"/>
      <c r="E2" s="69"/>
      <c r="F2" s="70"/>
      <c r="G2" s="173"/>
      <c r="H2" s="179"/>
      <c r="I2" s="71"/>
    </row>
    <row r="3" spans="1:12" s="95" customFormat="1" ht="9.9499999999999993" customHeight="1">
      <c r="A3" s="81"/>
      <c r="B3" s="73"/>
      <c r="C3" s="73"/>
      <c r="D3" s="73"/>
      <c r="E3" s="74"/>
      <c r="F3" s="75"/>
      <c r="G3" s="171"/>
      <c r="H3" s="180"/>
      <c r="I3" s="76"/>
    </row>
    <row r="4" spans="1:12" s="94" customFormat="1" ht="9.9499999999999993" customHeight="1">
      <c r="A4" s="80" t="s">
        <v>275</v>
      </c>
      <c r="B4" s="77"/>
      <c r="C4" s="77"/>
      <c r="D4" s="77"/>
      <c r="E4" s="78"/>
      <c r="F4" s="79"/>
      <c r="G4" s="172"/>
      <c r="H4" s="240"/>
      <c r="I4" s="186"/>
    </row>
    <row r="5" spans="1:12" s="95" customFormat="1" ht="9.9499999999999993" customHeight="1">
      <c r="A5" s="187"/>
      <c r="B5" s="68"/>
      <c r="C5" s="68"/>
      <c r="D5" s="68"/>
      <c r="E5" s="69"/>
      <c r="F5" s="70"/>
      <c r="G5" s="173"/>
      <c r="H5" s="179"/>
      <c r="I5" s="71"/>
    </row>
    <row r="6" spans="1:12" s="95" customFormat="1" ht="9.9499999999999993" customHeight="1">
      <c r="A6" s="188"/>
      <c r="B6" s="73" t="s">
        <v>300</v>
      </c>
      <c r="C6" s="73"/>
      <c r="D6" s="73"/>
      <c r="E6" s="74"/>
      <c r="F6" s="75"/>
      <c r="G6" s="171"/>
      <c r="H6" s="180"/>
      <c r="I6" s="76"/>
    </row>
    <row r="7" spans="1:12" s="94" customFormat="1" ht="9.9499999999999993" customHeight="1">
      <c r="A7" s="80"/>
      <c r="B7" s="77"/>
      <c r="C7" s="77"/>
      <c r="D7" s="77"/>
      <c r="E7" s="78"/>
      <c r="F7" s="79"/>
      <c r="G7" s="189"/>
      <c r="H7" s="282"/>
      <c r="I7" s="186"/>
    </row>
    <row r="8" spans="1:12" s="94" customFormat="1" ht="9.9499999999999993" customHeight="1">
      <c r="A8" s="67"/>
      <c r="B8" s="68"/>
      <c r="C8" s="68"/>
      <c r="D8" s="68"/>
      <c r="E8" s="69"/>
      <c r="F8" s="70"/>
      <c r="G8" s="173"/>
      <c r="H8" s="685"/>
      <c r="I8" s="71"/>
    </row>
    <row r="9" spans="1:12" s="94" customFormat="1" ht="9.9499999999999993" customHeight="1">
      <c r="A9" s="72"/>
      <c r="B9" s="73"/>
      <c r="C9" s="73"/>
      <c r="D9" s="73"/>
      <c r="E9" s="74"/>
      <c r="F9" s="75"/>
      <c r="G9" s="171"/>
      <c r="H9" s="686"/>
      <c r="I9" s="76"/>
    </row>
    <row r="10" spans="1:12" s="94" customFormat="1" ht="9.9499999999999993" customHeight="1">
      <c r="A10" s="80"/>
      <c r="B10" s="77"/>
      <c r="C10" s="77" t="s">
        <v>280</v>
      </c>
      <c r="D10" s="77"/>
      <c r="E10" s="78" t="s">
        <v>304</v>
      </c>
      <c r="F10" s="79">
        <v>1</v>
      </c>
      <c r="G10" s="189"/>
      <c r="H10" s="687"/>
      <c r="I10" s="215" t="s">
        <v>493</v>
      </c>
    </row>
    <row r="11" spans="1:12" s="94" customFormat="1" ht="9.9499999999999993" customHeight="1">
      <c r="A11" s="67"/>
      <c r="B11" s="68"/>
      <c r="C11" s="68"/>
      <c r="D11" s="68"/>
      <c r="E11" s="69"/>
      <c r="F11" s="70"/>
      <c r="G11" s="173"/>
      <c r="H11" s="685"/>
      <c r="I11" s="71"/>
    </row>
    <row r="12" spans="1:12" s="94" customFormat="1" ht="9.9499999999999993" customHeight="1">
      <c r="A12" s="72"/>
      <c r="B12" s="73"/>
      <c r="C12" s="73"/>
      <c r="D12" s="73"/>
      <c r="E12" s="74"/>
      <c r="F12" s="75"/>
      <c r="G12" s="171"/>
      <c r="H12" s="686"/>
      <c r="I12" s="76"/>
    </row>
    <row r="13" spans="1:12" s="94" customFormat="1" ht="9.9499999999999993" customHeight="1">
      <c r="A13" s="80"/>
      <c r="B13" s="77"/>
      <c r="C13" s="77" t="s">
        <v>282</v>
      </c>
      <c r="D13" s="77"/>
      <c r="E13" s="78" t="s">
        <v>304</v>
      </c>
      <c r="F13" s="79">
        <v>1</v>
      </c>
      <c r="G13" s="189"/>
      <c r="H13" s="687"/>
      <c r="I13" s="215" t="s">
        <v>494</v>
      </c>
    </row>
    <row r="14" spans="1:12" s="95" customFormat="1" ht="9.9499999999999993" customHeight="1">
      <c r="A14" s="67"/>
      <c r="B14" s="68"/>
      <c r="C14" s="68"/>
      <c r="D14" s="68"/>
      <c r="E14" s="69"/>
      <c r="F14" s="70"/>
      <c r="G14" s="173"/>
      <c r="H14" s="685"/>
      <c r="I14" s="71"/>
    </row>
    <row r="15" spans="1:12" s="95" customFormat="1" ht="9.9499999999999993" customHeight="1">
      <c r="A15" s="72"/>
      <c r="B15" s="73"/>
      <c r="C15" s="73"/>
      <c r="D15" s="73"/>
      <c r="E15" s="74"/>
      <c r="F15" s="75"/>
      <c r="G15" s="171"/>
      <c r="H15" s="686"/>
      <c r="I15" s="76"/>
    </row>
    <row r="16" spans="1:12" s="94" customFormat="1" ht="9.9499999999999993" customHeight="1">
      <c r="A16" s="80"/>
      <c r="B16" s="77"/>
      <c r="C16" s="77" t="s">
        <v>277</v>
      </c>
      <c r="D16" s="77"/>
      <c r="E16" s="78" t="s">
        <v>304</v>
      </c>
      <c r="F16" s="79">
        <v>1</v>
      </c>
      <c r="G16" s="189"/>
      <c r="H16" s="687"/>
      <c r="I16" s="215" t="s">
        <v>495</v>
      </c>
      <c r="L16" s="286"/>
    </row>
    <row r="17" spans="1:12" s="95" customFormat="1" ht="9.9499999999999993" customHeight="1">
      <c r="A17" s="67"/>
      <c r="B17" s="68"/>
      <c r="C17" s="68"/>
      <c r="D17" s="68"/>
      <c r="E17" s="69"/>
      <c r="F17" s="70"/>
      <c r="G17" s="173"/>
      <c r="H17" s="685"/>
      <c r="I17" s="71"/>
      <c r="L17" s="284"/>
    </row>
    <row r="18" spans="1:12" s="95" customFormat="1" ht="9.9499999999999993" customHeight="1">
      <c r="A18" s="72"/>
      <c r="B18" s="73"/>
      <c r="C18" s="73"/>
      <c r="D18" s="73"/>
      <c r="E18" s="74"/>
      <c r="F18" s="75"/>
      <c r="G18" s="171"/>
      <c r="H18" s="686"/>
      <c r="I18" s="76"/>
    </row>
    <row r="19" spans="1:12" s="94" customFormat="1" ht="9.9499999999999993" customHeight="1">
      <c r="A19" s="80"/>
      <c r="B19" s="77"/>
      <c r="C19" s="77" t="s">
        <v>278</v>
      </c>
      <c r="D19" s="77"/>
      <c r="E19" s="78" t="s">
        <v>304</v>
      </c>
      <c r="F19" s="79">
        <v>1</v>
      </c>
      <c r="G19" s="189"/>
      <c r="H19" s="687"/>
      <c r="I19" s="215" t="s">
        <v>496</v>
      </c>
    </row>
    <row r="20" spans="1:12" s="94" customFormat="1" ht="9.9499999999999993" customHeight="1">
      <c r="A20" s="699"/>
      <c r="B20" s="68"/>
      <c r="C20" s="68"/>
      <c r="D20" s="68"/>
      <c r="E20" s="69"/>
      <c r="F20" s="70"/>
      <c r="G20" s="173"/>
      <c r="H20" s="685"/>
      <c r="I20" s="71"/>
    </row>
    <row r="21" spans="1:12" s="94" customFormat="1" ht="9.9499999999999993" customHeight="1">
      <c r="A21" s="699"/>
      <c r="B21" s="73"/>
      <c r="C21" s="73"/>
      <c r="D21" s="73"/>
      <c r="E21" s="74"/>
      <c r="F21" s="75"/>
      <c r="G21" s="171"/>
      <c r="H21" s="686"/>
      <c r="I21" s="76"/>
    </row>
    <row r="22" spans="1:12" s="94" customFormat="1" ht="9.9499999999999993" customHeight="1">
      <c r="A22" s="699"/>
      <c r="B22" s="77"/>
      <c r="C22" s="77" t="s">
        <v>279</v>
      </c>
      <c r="D22" s="77"/>
      <c r="E22" s="78" t="s">
        <v>304</v>
      </c>
      <c r="F22" s="79">
        <v>1</v>
      </c>
      <c r="G22" s="189"/>
      <c r="H22" s="687"/>
      <c r="I22" s="215" t="s">
        <v>497</v>
      </c>
    </row>
    <row r="23" spans="1:12" s="95" customFormat="1" ht="9.9499999999999993" customHeight="1">
      <c r="A23" s="67"/>
      <c r="B23" s="700"/>
      <c r="C23" s="68"/>
      <c r="D23" s="68"/>
      <c r="E23" s="69"/>
      <c r="F23" s="70"/>
      <c r="G23" s="173"/>
      <c r="H23" s="179"/>
      <c r="I23" s="701"/>
    </row>
    <row r="24" spans="1:12" s="95" customFormat="1" ht="9.9499999999999993" customHeight="1">
      <c r="A24" s="72"/>
      <c r="B24" s="700"/>
      <c r="C24" s="73"/>
      <c r="D24" s="73"/>
      <c r="E24" s="74"/>
      <c r="F24" s="75"/>
      <c r="G24" s="171"/>
      <c r="H24" s="241"/>
      <c r="I24" s="701"/>
    </row>
    <row r="25" spans="1:12" s="94" customFormat="1" ht="9.9499999999999993" customHeight="1">
      <c r="A25" s="80" t="s">
        <v>301</v>
      </c>
      <c r="B25" s="702"/>
      <c r="C25" s="77"/>
      <c r="D25" s="77"/>
      <c r="E25" s="78"/>
      <c r="F25" s="79"/>
      <c r="G25" s="172"/>
      <c r="H25" s="240"/>
      <c r="I25" s="701"/>
    </row>
    <row r="26" spans="1:12" s="95" customFormat="1" ht="9.9499999999999993" customHeight="1">
      <c r="A26" s="67"/>
      <c r="B26" s="68"/>
      <c r="C26" s="68"/>
      <c r="D26" s="68"/>
      <c r="E26" s="69"/>
      <c r="F26" s="70"/>
      <c r="G26" s="173"/>
      <c r="H26" s="179"/>
      <c r="I26" s="71"/>
    </row>
    <row r="27" spans="1:12" s="95" customFormat="1" ht="9.9499999999999993" customHeight="1">
      <c r="A27" s="72"/>
      <c r="B27" s="73"/>
      <c r="C27" s="73"/>
      <c r="D27" s="73"/>
      <c r="E27" s="74"/>
      <c r="F27" s="75"/>
      <c r="G27" s="171"/>
      <c r="H27" s="180"/>
      <c r="I27" s="76"/>
    </row>
    <row r="28" spans="1:12" s="94" customFormat="1" ht="9.9499999999999993" customHeight="1">
      <c r="A28" s="80" t="s">
        <v>302</v>
      </c>
      <c r="B28" s="77"/>
      <c r="C28" s="77"/>
      <c r="D28" s="77"/>
      <c r="E28" s="78"/>
      <c r="F28" s="79"/>
      <c r="G28" s="189"/>
      <c r="H28" s="282"/>
      <c r="I28" s="186"/>
    </row>
    <row r="29" spans="1:12" s="95" customFormat="1" ht="9.9499999999999993" customHeight="1">
      <c r="A29" s="67"/>
      <c r="B29" s="68"/>
      <c r="C29" s="68"/>
      <c r="D29" s="68"/>
      <c r="E29" s="69"/>
      <c r="F29" s="70"/>
      <c r="G29" s="173"/>
      <c r="H29" s="179"/>
      <c r="I29" s="71"/>
    </row>
    <row r="30" spans="1:12" s="95" customFormat="1" ht="9.9499999999999993" customHeight="1">
      <c r="A30" s="72"/>
      <c r="B30" s="73"/>
      <c r="C30" s="73"/>
      <c r="D30" s="73"/>
      <c r="E30" s="74"/>
      <c r="F30" s="75"/>
      <c r="G30" s="171"/>
      <c r="H30" s="180"/>
      <c r="I30" s="76"/>
    </row>
    <row r="31" spans="1:12" s="94" customFormat="1" ht="9.9499999999999993" customHeight="1">
      <c r="A31" s="80"/>
      <c r="B31" s="77" t="s">
        <v>303</v>
      </c>
      <c r="C31" s="77"/>
      <c r="D31" s="77"/>
      <c r="E31" s="78"/>
      <c r="F31" s="79"/>
      <c r="G31" s="172"/>
      <c r="H31" s="181"/>
      <c r="I31" s="186"/>
    </row>
    <row r="32" spans="1:12" s="95" customFormat="1" ht="9.9499999999999993" customHeight="1">
      <c r="A32" s="67"/>
      <c r="B32" s="68"/>
      <c r="C32" s="68"/>
      <c r="D32" s="68"/>
      <c r="E32" s="69"/>
      <c r="F32" s="70"/>
      <c r="G32" s="173"/>
      <c r="H32" s="179"/>
      <c r="I32" s="71"/>
    </row>
    <row r="33" spans="1:9" s="95" customFormat="1" ht="9.9499999999999993" customHeight="1">
      <c r="A33" s="72"/>
      <c r="B33" s="73"/>
      <c r="C33" s="73"/>
      <c r="D33" s="73"/>
      <c r="E33" s="74"/>
      <c r="F33" s="75"/>
      <c r="G33" s="171"/>
      <c r="H33" s="180"/>
      <c r="I33" s="76"/>
    </row>
    <row r="34" spans="1:9" s="94" customFormat="1" ht="9.9499999999999993" customHeight="1">
      <c r="A34" s="80"/>
      <c r="B34" s="77"/>
      <c r="C34" s="77" t="s">
        <v>280</v>
      </c>
      <c r="D34" s="77"/>
      <c r="E34" s="78" t="s">
        <v>0</v>
      </c>
      <c r="F34" s="79">
        <v>1</v>
      </c>
      <c r="G34" s="172"/>
      <c r="H34" s="181"/>
      <c r="I34" s="215" t="s">
        <v>72</v>
      </c>
    </row>
    <row r="35" spans="1:9" s="95" customFormat="1" ht="9.9499999999999993" customHeight="1">
      <c r="A35" s="67"/>
      <c r="B35" s="68"/>
      <c r="C35" s="68"/>
      <c r="D35" s="68"/>
      <c r="E35" s="69"/>
      <c r="F35" s="70"/>
      <c r="G35" s="173"/>
      <c r="H35" s="179"/>
      <c r="I35" s="71"/>
    </row>
    <row r="36" spans="1:9" s="95" customFormat="1" ht="9.9499999999999993" customHeight="1">
      <c r="A36" s="72"/>
      <c r="B36" s="73"/>
      <c r="C36" s="73"/>
      <c r="D36" s="73"/>
      <c r="E36" s="74"/>
      <c r="F36" s="75"/>
      <c r="G36" s="171"/>
      <c r="H36" s="180"/>
      <c r="I36" s="76"/>
    </row>
    <row r="37" spans="1:9" s="94" customFormat="1" ht="9.9499999999999993" customHeight="1">
      <c r="A37" s="80"/>
      <c r="B37" s="77"/>
      <c r="C37" s="77" t="s">
        <v>282</v>
      </c>
      <c r="D37" s="77"/>
      <c r="E37" s="78" t="s">
        <v>0</v>
      </c>
      <c r="F37" s="79">
        <v>1</v>
      </c>
      <c r="G37" s="172"/>
      <c r="H37" s="282"/>
      <c r="I37" s="215" t="s">
        <v>73</v>
      </c>
    </row>
    <row r="38" spans="1:9" s="95" customFormat="1" ht="9.9499999999999993" customHeight="1">
      <c r="A38" s="67"/>
      <c r="B38" s="68"/>
      <c r="C38" s="68"/>
      <c r="D38" s="68"/>
      <c r="E38" s="69"/>
      <c r="F38" s="70"/>
      <c r="G38" s="173"/>
      <c r="H38" s="179"/>
      <c r="I38" s="71"/>
    </row>
    <row r="39" spans="1:9" s="95" customFormat="1" ht="9.9499999999999993" customHeight="1">
      <c r="A39" s="205"/>
      <c r="B39" s="73"/>
      <c r="C39" s="73"/>
      <c r="D39" s="73"/>
      <c r="E39" s="74"/>
      <c r="F39" s="75"/>
      <c r="G39" s="171"/>
      <c r="H39" s="180"/>
      <c r="I39" s="76"/>
    </row>
    <row r="40" spans="1:9" s="94" customFormat="1" ht="9.9499999999999993" customHeight="1">
      <c r="A40" s="724"/>
      <c r="B40" s="438"/>
      <c r="C40" s="438" t="s">
        <v>277</v>
      </c>
      <c r="D40" s="438"/>
      <c r="E40" s="439" t="s">
        <v>0</v>
      </c>
      <c r="F40" s="440">
        <v>1</v>
      </c>
      <c r="G40" s="441"/>
      <c r="H40" s="546"/>
      <c r="I40" s="547" t="s">
        <v>498</v>
      </c>
    </row>
    <row r="41" spans="1:9" s="96" customFormat="1" ht="30" customHeight="1">
      <c r="A41" s="962" t="s">
        <v>31</v>
      </c>
      <c r="B41" s="963"/>
      <c r="C41" s="963"/>
      <c r="D41" s="963"/>
      <c r="E41" s="963"/>
      <c r="F41" s="963"/>
      <c r="G41" s="963"/>
      <c r="H41" s="963"/>
      <c r="I41" s="964"/>
    </row>
    <row r="42" spans="1:9" s="95" customFormat="1" ht="30" customHeight="1">
      <c r="A42" s="116" t="s">
        <v>22</v>
      </c>
      <c r="B42" s="117" t="s">
        <v>23</v>
      </c>
      <c r="C42" s="117" t="s">
        <v>24</v>
      </c>
      <c r="D42" s="117" t="s">
        <v>25</v>
      </c>
      <c r="E42" s="117" t="s">
        <v>26</v>
      </c>
      <c r="F42" s="117" t="s">
        <v>27</v>
      </c>
      <c r="G42" s="117" t="s">
        <v>28</v>
      </c>
      <c r="H42" s="114" t="s">
        <v>29</v>
      </c>
      <c r="I42" s="118" t="s">
        <v>30</v>
      </c>
    </row>
    <row r="43" spans="1:9" s="95" customFormat="1" ht="9.9499999999999993" customHeight="1">
      <c r="A43" s="67"/>
      <c r="B43" s="700"/>
      <c r="C43" s="84"/>
      <c r="D43" s="155"/>
      <c r="E43" s="211"/>
      <c r="F43" s="82"/>
      <c r="G43" s="212"/>
      <c r="H43" s="445"/>
      <c r="I43" s="92"/>
    </row>
    <row r="44" spans="1:9" s="95" customFormat="1" ht="9.9499999999999993" customHeight="1">
      <c r="A44" s="72"/>
      <c r="B44" s="700"/>
      <c r="C44" s="85"/>
      <c r="D44" s="156"/>
      <c r="E44" s="174"/>
      <c r="F44" s="83"/>
      <c r="G44" s="206"/>
      <c r="H44" s="446"/>
      <c r="I44" s="214"/>
    </row>
    <row r="45" spans="1:9" s="94" customFormat="1" ht="9.9499999999999993" customHeight="1">
      <c r="A45" s="80"/>
      <c r="B45" s="702"/>
      <c r="C45" s="86" t="s">
        <v>278</v>
      </c>
      <c r="D45" s="157"/>
      <c r="E45" s="208" t="s">
        <v>0</v>
      </c>
      <c r="F45" s="87">
        <v>1</v>
      </c>
      <c r="G45" s="210"/>
      <c r="H45" s="545"/>
      <c r="I45" s="216" t="s">
        <v>499</v>
      </c>
    </row>
    <row r="46" spans="1:9" s="95" customFormat="1" ht="9.9499999999999993" customHeight="1">
      <c r="A46" s="81"/>
      <c r="B46" s="68"/>
      <c r="C46" s="68"/>
      <c r="D46" s="68"/>
      <c r="E46" s="69"/>
      <c r="F46" s="70"/>
      <c r="G46" s="173"/>
      <c r="H46" s="179"/>
      <c r="I46" s="71"/>
    </row>
    <row r="47" spans="1:9" s="94" customFormat="1" ht="9.9499999999999993" customHeight="1">
      <c r="A47" s="81"/>
      <c r="B47" s="73"/>
      <c r="C47" s="73"/>
      <c r="D47" s="73"/>
      <c r="E47" s="74"/>
      <c r="F47" s="75"/>
      <c r="G47" s="171"/>
      <c r="H47" s="180"/>
      <c r="I47" s="76"/>
    </row>
    <row r="48" spans="1:9" s="95" customFormat="1" ht="9.9499999999999993" customHeight="1">
      <c r="A48" s="81"/>
      <c r="B48" s="77"/>
      <c r="C48" s="77" t="s">
        <v>279</v>
      </c>
      <c r="D48" s="77"/>
      <c r="E48" s="78" t="s">
        <v>0</v>
      </c>
      <c r="F48" s="79">
        <v>1</v>
      </c>
      <c r="G48" s="172"/>
      <c r="H48" s="181"/>
      <c r="I48" s="186" t="s">
        <v>500</v>
      </c>
    </row>
    <row r="49" spans="1:9" s="95" customFormat="1" ht="9.9499999999999993" customHeight="1">
      <c r="A49" s="187"/>
      <c r="B49" s="68"/>
      <c r="C49" s="68"/>
      <c r="D49" s="68"/>
      <c r="E49" s="69"/>
      <c r="F49" s="70"/>
      <c r="G49" s="173"/>
      <c r="H49" s="179"/>
      <c r="I49" s="71"/>
    </row>
    <row r="50" spans="1:9" s="94" customFormat="1" ht="9.9499999999999993" customHeight="1">
      <c r="A50" s="188"/>
      <c r="B50" s="73"/>
      <c r="C50" s="73"/>
      <c r="D50" s="73"/>
      <c r="E50" s="74"/>
      <c r="F50" s="75"/>
      <c r="G50" s="171"/>
      <c r="H50" s="180"/>
      <c r="I50" s="76"/>
    </row>
    <row r="51" spans="1:9" s="95" customFormat="1" ht="9.9499999999999993" customHeight="1">
      <c r="A51" s="80"/>
      <c r="B51" s="77"/>
      <c r="C51" s="77" t="s">
        <v>291</v>
      </c>
      <c r="D51" s="77"/>
      <c r="E51" s="78" t="s">
        <v>0</v>
      </c>
      <c r="F51" s="79">
        <v>1</v>
      </c>
      <c r="G51" s="172"/>
      <c r="H51" s="181"/>
      <c r="I51" s="186" t="s">
        <v>501</v>
      </c>
    </row>
    <row r="52" spans="1:9" s="95" customFormat="1" ht="9.9499999999999993" customHeight="1">
      <c r="A52" s="67"/>
      <c r="B52" s="68"/>
      <c r="C52" s="68"/>
      <c r="D52" s="68"/>
      <c r="E52" s="69"/>
      <c r="F52" s="70"/>
      <c r="G52" s="173"/>
      <c r="H52" s="179"/>
      <c r="I52" s="71"/>
    </row>
    <row r="53" spans="1:9" s="94" customFormat="1" ht="9.9499999999999993" customHeight="1">
      <c r="A53" s="72"/>
      <c r="B53" s="73"/>
      <c r="C53" s="73"/>
      <c r="D53" s="73"/>
      <c r="E53" s="74"/>
      <c r="F53" s="75"/>
      <c r="G53" s="171"/>
      <c r="H53" s="180"/>
      <c r="I53" s="76"/>
    </row>
    <row r="54" spans="1:9" s="95" customFormat="1" ht="9.9499999999999993" customHeight="1">
      <c r="A54" s="80"/>
      <c r="B54" s="77" t="s">
        <v>305</v>
      </c>
      <c r="C54" s="77"/>
      <c r="D54" s="77"/>
      <c r="E54" s="78"/>
      <c r="F54" s="79"/>
      <c r="G54" s="189"/>
      <c r="H54" s="181"/>
      <c r="I54" s="186"/>
    </row>
    <row r="55" spans="1:9" s="95" customFormat="1" ht="9.9499999999999993" customHeight="1">
      <c r="A55" s="67"/>
      <c r="B55" s="68"/>
      <c r="C55" s="68"/>
      <c r="D55" s="68"/>
      <c r="E55" s="69"/>
      <c r="F55" s="70"/>
      <c r="G55" s="173"/>
      <c r="H55" s="179"/>
      <c r="I55" s="71"/>
    </row>
    <row r="56" spans="1:9" s="94" customFormat="1" ht="9.9499999999999993" customHeight="1">
      <c r="A56" s="72"/>
      <c r="B56" s="73"/>
      <c r="C56" s="73"/>
      <c r="D56" s="73"/>
      <c r="E56" s="74"/>
      <c r="F56" s="75"/>
      <c r="G56" s="171"/>
      <c r="H56" s="180"/>
      <c r="I56" s="76"/>
    </row>
    <row r="57" spans="1:9" s="95" customFormat="1" ht="9.9499999999999993" customHeight="1">
      <c r="A57" s="80"/>
      <c r="B57" s="77" t="s">
        <v>306</v>
      </c>
      <c r="C57" s="77"/>
      <c r="D57" s="77"/>
      <c r="E57" s="78"/>
      <c r="F57" s="79"/>
      <c r="G57" s="172"/>
      <c r="H57" s="97"/>
      <c r="I57" s="186"/>
    </row>
    <row r="58" spans="1:9" s="95" customFormat="1" ht="9.9499999999999993" customHeight="1">
      <c r="A58" s="67"/>
      <c r="B58" s="68"/>
      <c r="C58" s="68"/>
      <c r="D58" s="68"/>
      <c r="E58" s="69"/>
      <c r="F58" s="70"/>
      <c r="G58" s="173"/>
      <c r="H58" s="445"/>
      <c r="I58" s="71"/>
    </row>
    <row r="59" spans="1:9" s="94" customFormat="1" ht="9.9499999999999993" customHeight="1">
      <c r="A59" s="72"/>
      <c r="B59" s="73"/>
      <c r="C59" s="73"/>
      <c r="D59" s="73"/>
      <c r="E59" s="74"/>
      <c r="F59" s="75"/>
      <c r="G59" s="171"/>
      <c r="H59" s="446"/>
      <c r="I59" s="76"/>
    </row>
    <row r="60" spans="1:9" s="95" customFormat="1" ht="9.9499999999999993" customHeight="1">
      <c r="A60" s="80"/>
      <c r="B60" s="77"/>
      <c r="C60" s="77" t="s">
        <v>280</v>
      </c>
      <c r="D60" s="77"/>
      <c r="E60" s="78" t="s">
        <v>0</v>
      </c>
      <c r="F60" s="79">
        <v>1</v>
      </c>
      <c r="G60" s="189"/>
      <c r="H60" s="688"/>
      <c r="I60" s="215" t="s">
        <v>502</v>
      </c>
    </row>
    <row r="61" spans="1:9" s="95" customFormat="1" ht="9.9499999999999993" customHeight="1">
      <c r="A61" s="67"/>
      <c r="B61" s="68"/>
      <c r="C61" s="68"/>
      <c r="D61" s="68"/>
      <c r="E61" s="69"/>
      <c r="F61" s="70"/>
      <c r="G61" s="173"/>
      <c r="H61" s="685"/>
      <c r="I61" s="71"/>
    </row>
    <row r="62" spans="1:9" s="94" customFormat="1" ht="9.9499999999999993" customHeight="1">
      <c r="A62" s="72"/>
      <c r="B62" s="73"/>
      <c r="C62" s="73"/>
      <c r="D62" s="73"/>
      <c r="E62" s="74"/>
      <c r="F62" s="75"/>
      <c r="G62" s="171"/>
      <c r="H62" s="689"/>
      <c r="I62" s="76"/>
    </row>
    <row r="63" spans="1:9" s="95" customFormat="1" ht="9.9499999999999993" customHeight="1">
      <c r="A63" s="80"/>
      <c r="B63" s="86"/>
      <c r="C63" s="77" t="s">
        <v>282</v>
      </c>
      <c r="D63" s="157"/>
      <c r="E63" s="208" t="s">
        <v>0</v>
      </c>
      <c r="F63" s="87">
        <v>1</v>
      </c>
      <c r="G63" s="210"/>
      <c r="H63" s="690"/>
      <c r="I63" s="215" t="s">
        <v>503</v>
      </c>
    </row>
    <row r="64" spans="1:9" s="95" customFormat="1" ht="9.9499999999999993" customHeight="1">
      <c r="A64" s="81"/>
      <c r="B64" s="68"/>
      <c r="C64" s="68"/>
      <c r="D64" s="68"/>
      <c r="E64" s="69"/>
      <c r="F64" s="70"/>
      <c r="G64" s="173"/>
      <c r="H64" s="685"/>
      <c r="I64" s="71"/>
    </row>
    <row r="65" spans="1:9" s="94" customFormat="1" ht="9.9499999999999993" customHeight="1">
      <c r="A65" s="81"/>
      <c r="B65" s="73"/>
      <c r="C65" s="73"/>
      <c r="D65" s="73"/>
      <c r="E65" s="74"/>
      <c r="F65" s="75"/>
      <c r="G65" s="171"/>
      <c r="H65" s="689"/>
      <c r="I65" s="76"/>
    </row>
    <row r="66" spans="1:9" s="95" customFormat="1" ht="9.9499999999999993" customHeight="1">
      <c r="A66" s="81"/>
      <c r="B66" s="77"/>
      <c r="C66" s="77" t="s">
        <v>277</v>
      </c>
      <c r="D66" s="77"/>
      <c r="E66" s="78" t="s">
        <v>0</v>
      </c>
      <c r="F66" s="79">
        <v>1</v>
      </c>
      <c r="G66" s="189"/>
      <c r="H66" s="688"/>
      <c r="I66" s="215" t="s">
        <v>504</v>
      </c>
    </row>
    <row r="67" spans="1:9" s="95" customFormat="1" ht="9.9499999999999993" customHeight="1">
      <c r="A67" s="67"/>
      <c r="B67" s="700"/>
      <c r="C67" s="68"/>
      <c r="D67" s="68"/>
      <c r="E67" s="69"/>
      <c r="F67" s="70"/>
      <c r="G67" s="173"/>
      <c r="H67" s="685"/>
      <c r="I67" s="71"/>
    </row>
    <row r="68" spans="1:9" s="94" customFormat="1" ht="9.9499999999999993" customHeight="1">
      <c r="A68" s="72"/>
      <c r="B68" s="702"/>
      <c r="C68" s="73"/>
      <c r="D68" s="73"/>
      <c r="E68" s="74"/>
      <c r="F68" s="75"/>
      <c r="G68" s="171"/>
      <c r="H68" s="689"/>
      <c r="I68" s="76"/>
    </row>
    <row r="69" spans="1:9" s="95" customFormat="1" ht="9.9499999999999993" customHeight="1">
      <c r="A69" s="80"/>
      <c r="B69" s="703"/>
      <c r="C69" s="77" t="s">
        <v>278</v>
      </c>
      <c r="D69" s="157"/>
      <c r="E69" s="208" t="s">
        <v>0</v>
      </c>
      <c r="F69" s="87">
        <v>1</v>
      </c>
      <c r="G69" s="210"/>
      <c r="H69" s="690"/>
      <c r="I69" s="215" t="s">
        <v>505</v>
      </c>
    </row>
    <row r="70" spans="1:9" s="95" customFormat="1" ht="9.9499999999999993" customHeight="1">
      <c r="A70" s="67"/>
      <c r="B70" s="700"/>
      <c r="C70" s="68"/>
      <c r="D70" s="68"/>
      <c r="E70" s="69"/>
      <c r="F70" s="70"/>
      <c r="G70" s="173"/>
      <c r="H70" s="685"/>
      <c r="I70" s="71"/>
    </row>
    <row r="71" spans="1:9" s="94" customFormat="1" ht="9.9499999999999993" customHeight="1">
      <c r="A71" s="72"/>
      <c r="B71" s="702"/>
      <c r="C71" s="73"/>
      <c r="D71" s="73"/>
      <c r="E71" s="74"/>
      <c r="F71" s="75"/>
      <c r="G71" s="171"/>
      <c r="H71" s="689"/>
      <c r="I71" s="76"/>
    </row>
    <row r="72" spans="1:9" s="95" customFormat="1" ht="9.9499999999999993" customHeight="1">
      <c r="A72" s="80"/>
      <c r="B72" s="703"/>
      <c r="C72" s="77" t="s">
        <v>279</v>
      </c>
      <c r="D72" s="157"/>
      <c r="E72" s="208" t="s">
        <v>0</v>
      </c>
      <c r="F72" s="87">
        <v>1</v>
      </c>
      <c r="G72" s="210"/>
      <c r="H72" s="690"/>
      <c r="I72" s="215" t="s">
        <v>506</v>
      </c>
    </row>
    <row r="73" spans="1:9" s="95" customFormat="1" ht="9.9499999999999993" customHeight="1">
      <c r="A73" s="67"/>
      <c r="B73" s="84"/>
      <c r="C73" s="84"/>
      <c r="D73" s="155"/>
      <c r="E73" s="211"/>
      <c r="F73" s="82"/>
      <c r="G73" s="212"/>
      <c r="H73" s="685"/>
      <c r="I73" s="704"/>
    </row>
    <row r="74" spans="1:9" s="95" customFormat="1" ht="9.9499999999999993" customHeight="1">
      <c r="A74" s="72"/>
      <c r="B74" s="85"/>
      <c r="C74" s="85"/>
      <c r="D74" s="156"/>
      <c r="E74" s="174"/>
      <c r="F74" s="83"/>
      <c r="G74" s="206"/>
      <c r="H74" s="446"/>
      <c r="I74" s="705"/>
    </row>
    <row r="75" spans="1:9" s="95" customFormat="1" ht="9.9499999999999993" customHeight="1">
      <c r="A75" s="80"/>
      <c r="B75" s="86" t="s">
        <v>307</v>
      </c>
      <c r="C75" s="86"/>
      <c r="D75" s="157"/>
      <c r="E75" s="208"/>
      <c r="F75" s="87"/>
      <c r="G75" s="210"/>
      <c r="H75" s="447"/>
      <c r="I75" s="704"/>
    </row>
    <row r="76" spans="1:9" s="95" customFormat="1" ht="9.9499999999999993" customHeight="1">
      <c r="A76" s="67"/>
      <c r="B76" s="68"/>
      <c r="C76" s="68"/>
      <c r="D76" s="68"/>
      <c r="E76" s="69"/>
      <c r="F76" s="70"/>
      <c r="G76" s="173"/>
      <c r="H76" s="179"/>
      <c r="I76" s="92"/>
    </row>
    <row r="77" spans="1:9" s="94" customFormat="1" ht="9.9499999999999993" customHeight="1">
      <c r="A77" s="72"/>
      <c r="B77" s="73"/>
      <c r="C77" s="73"/>
      <c r="D77" s="73"/>
      <c r="E77" s="74"/>
      <c r="F77" s="75"/>
      <c r="G77" s="171"/>
      <c r="H77" s="180"/>
      <c r="I77" s="214"/>
    </row>
    <row r="78" spans="1:9" s="95" customFormat="1" ht="9.9499999999999993" customHeight="1">
      <c r="A78" s="80"/>
      <c r="B78" s="77" t="s">
        <v>281</v>
      </c>
      <c r="C78" s="77"/>
      <c r="D78" s="77"/>
      <c r="E78" s="78"/>
      <c r="F78" s="79"/>
      <c r="G78" s="172"/>
      <c r="H78" s="181"/>
      <c r="I78" s="216"/>
    </row>
    <row r="79" spans="1:9" s="95" customFormat="1" ht="9.9499999999999993" customHeight="1">
      <c r="A79" s="706"/>
      <c r="B79" s="68"/>
      <c r="C79" s="68"/>
      <c r="D79" s="68"/>
      <c r="E79" s="69"/>
      <c r="F79" s="70"/>
      <c r="G79" s="173"/>
      <c r="H79" s="179"/>
      <c r="I79" s="71"/>
    </row>
    <row r="80" spans="1:9" s="94" customFormat="1" ht="9.9499999999999993" customHeight="1">
      <c r="A80" s="699"/>
      <c r="B80" s="73"/>
      <c r="C80" s="73"/>
      <c r="D80" s="73"/>
      <c r="E80" s="74"/>
      <c r="F80" s="75"/>
      <c r="G80" s="171"/>
      <c r="H80" s="180"/>
      <c r="I80" s="76"/>
    </row>
    <row r="81" spans="1:9" s="95" customFormat="1" ht="9.9499999999999993" customHeight="1">
      <c r="A81" s="707"/>
      <c r="B81" s="438"/>
      <c r="C81" s="438" t="s">
        <v>280</v>
      </c>
      <c r="D81" s="438"/>
      <c r="E81" s="439" t="s">
        <v>0</v>
      </c>
      <c r="F81" s="440">
        <v>1</v>
      </c>
      <c r="G81" s="441"/>
      <c r="H81" s="546"/>
      <c r="I81" s="725" t="s">
        <v>507</v>
      </c>
    </row>
    <row r="82" spans="1:9" s="96" customFormat="1" ht="30" customHeight="1">
      <c r="A82" s="116" t="s">
        <v>39</v>
      </c>
      <c r="B82" s="117" t="s">
        <v>40</v>
      </c>
      <c r="C82" s="117" t="s">
        <v>36</v>
      </c>
      <c r="D82" s="117" t="s">
        <v>37</v>
      </c>
      <c r="E82" s="117" t="s">
        <v>33</v>
      </c>
      <c r="F82" s="117" t="s">
        <v>32</v>
      </c>
      <c r="G82" s="117" t="s">
        <v>34</v>
      </c>
      <c r="H82" s="114" t="s">
        <v>35</v>
      </c>
      <c r="I82" s="118" t="s">
        <v>38</v>
      </c>
    </row>
    <row r="83" spans="1:9" s="95" customFormat="1" ht="9.9499999999999993" customHeight="1">
      <c r="A83" s="187"/>
      <c r="B83" s="68"/>
      <c r="C83" s="68"/>
      <c r="D83" s="68"/>
      <c r="E83" s="69"/>
      <c r="F83" s="70"/>
      <c r="G83" s="173"/>
      <c r="H83" s="179"/>
      <c r="I83" s="71"/>
    </row>
    <row r="84" spans="1:9" s="95" customFormat="1" ht="9.9499999999999993" customHeight="1">
      <c r="A84" s="188"/>
      <c r="B84" s="73"/>
      <c r="C84" s="73"/>
      <c r="D84" s="73"/>
      <c r="E84" s="74"/>
      <c r="F84" s="75"/>
      <c r="G84" s="171"/>
      <c r="H84" s="180"/>
      <c r="I84" s="76"/>
    </row>
    <row r="85" spans="1:9" s="94" customFormat="1" ht="9.9499999999999993" customHeight="1">
      <c r="A85" s="81"/>
      <c r="B85" s="77"/>
      <c r="C85" s="77" t="s">
        <v>282</v>
      </c>
      <c r="D85" s="77"/>
      <c r="E85" s="78" t="s">
        <v>0</v>
      </c>
      <c r="F85" s="79">
        <v>1</v>
      </c>
      <c r="G85" s="172"/>
      <c r="H85" s="181"/>
      <c r="I85" s="186" t="s">
        <v>508</v>
      </c>
    </row>
    <row r="86" spans="1:9" s="95" customFormat="1" ht="9.9499999999999993" customHeight="1">
      <c r="A86" s="67"/>
      <c r="B86" s="73"/>
      <c r="C86" s="73"/>
      <c r="D86" s="73"/>
      <c r="E86" s="74"/>
      <c r="F86" s="75"/>
      <c r="G86" s="171"/>
      <c r="H86" s="241"/>
      <c r="I86" s="76"/>
    </row>
    <row r="87" spans="1:9" s="95" customFormat="1" ht="9.9499999999999993" customHeight="1">
      <c r="A87" s="72"/>
      <c r="B87" s="73"/>
      <c r="C87" s="73"/>
      <c r="D87" s="73"/>
      <c r="E87" s="74"/>
      <c r="F87" s="75"/>
      <c r="G87" s="171"/>
      <c r="H87" s="180"/>
      <c r="I87" s="76"/>
    </row>
    <row r="88" spans="1:9" s="94" customFormat="1" ht="9.9499999999999993" customHeight="1">
      <c r="A88" s="80"/>
      <c r="B88" s="77"/>
      <c r="C88" s="77" t="s">
        <v>277</v>
      </c>
      <c r="D88" s="77"/>
      <c r="E88" s="78" t="s">
        <v>0</v>
      </c>
      <c r="F88" s="79">
        <v>1</v>
      </c>
      <c r="G88" s="189"/>
      <c r="H88" s="181"/>
      <c r="I88" s="215" t="s">
        <v>509</v>
      </c>
    </row>
    <row r="89" spans="1:9" s="94" customFormat="1" ht="9.9499999999999993" customHeight="1">
      <c r="A89" s="81"/>
      <c r="B89" s="68"/>
      <c r="C89" s="68"/>
      <c r="D89" s="68"/>
      <c r="E89" s="69"/>
      <c r="F89" s="70"/>
      <c r="G89" s="173"/>
      <c r="H89" s="179"/>
      <c r="I89" s="71"/>
    </row>
    <row r="90" spans="1:9" s="94" customFormat="1" ht="9.9499999999999993" customHeight="1">
      <c r="A90" s="81"/>
      <c r="B90" s="73"/>
      <c r="C90" s="73"/>
      <c r="D90" s="73"/>
      <c r="E90" s="74"/>
      <c r="F90" s="75"/>
      <c r="G90" s="171"/>
      <c r="H90" s="180"/>
      <c r="I90" s="76"/>
    </row>
    <row r="91" spans="1:9" s="94" customFormat="1" ht="9.9499999999999993" customHeight="1">
      <c r="A91" s="80"/>
      <c r="B91" s="89"/>
      <c r="C91" s="89" t="s">
        <v>278</v>
      </c>
      <c r="D91" s="89"/>
      <c r="E91" s="88" t="s">
        <v>0</v>
      </c>
      <c r="F91" s="346">
        <v>1</v>
      </c>
      <c r="G91" s="347"/>
      <c r="H91" s="181"/>
      <c r="I91" s="186" t="s">
        <v>510</v>
      </c>
    </row>
    <row r="92" spans="1:9" s="94" customFormat="1" ht="9.9499999999999993" customHeight="1">
      <c r="A92" s="706"/>
      <c r="B92" s="68"/>
      <c r="C92" s="68"/>
      <c r="D92" s="68"/>
      <c r="E92" s="69"/>
      <c r="F92" s="70"/>
      <c r="G92" s="173"/>
      <c r="H92" s="179"/>
      <c r="I92" s="71"/>
    </row>
    <row r="93" spans="1:9" s="94" customFormat="1" ht="9.9499999999999993" customHeight="1">
      <c r="A93" s="706"/>
      <c r="B93" s="73"/>
      <c r="C93" s="73"/>
      <c r="D93" s="73"/>
      <c r="E93" s="74"/>
      <c r="F93" s="75"/>
      <c r="G93" s="171"/>
      <c r="H93" s="180"/>
      <c r="I93" s="76"/>
    </row>
    <row r="94" spans="1:9" s="94" customFormat="1" ht="9.9499999999999993" customHeight="1">
      <c r="A94" s="699"/>
      <c r="B94" s="77"/>
      <c r="C94" s="77" t="s">
        <v>279</v>
      </c>
      <c r="D94" s="77"/>
      <c r="E94" s="78" t="s">
        <v>0</v>
      </c>
      <c r="F94" s="79">
        <v>1</v>
      </c>
      <c r="G94" s="172"/>
      <c r="H94" s="181"/>
      <c r="I94" s="186" t="s">
        <v>511</v>
      </c>
    </row>
    <row r="95" spans="1:9" s="95" customFormat="1" ht="9.9499999999999993" customHeight="1">
      <c r="A95" s="67"/>
      <c r="B95" s="68"/>
      <c r="C95" s="68"/>
      <c r="D95" s="68"/>
      <c r="E95" s="69"/>
      <c r="F95" s="70"/>
      <c r="G95" s="173"/>
      <c r="H95" s="179"/>
      <c r="I95" s="71"/>
    </row>
    <row r="96" spans="1:9" s="95" customFormat="1" ht="9.9499999999999993" customHeight="1">
      <c r="A96" s="72"/>
      <c r="B96" s="708"/>
      <c r="C96" s="709"/>
      <c r="D96" s="700"/>
      <c r="E96" s="74"/>
      <c r="F96" s="75"/>
      <c r="G96" s="171"/>
      <c r="H96" s="180"/>
      <c r="I96" s="76"/>
    </row>
    <row r="97" spans="1:12" s="94" customFormat="1" ht="9.9499999999999993" customHeight="1">
      <c r="A97" s="80"/>
      <c r="B97" s="710"/>
      <c r="C97" s="711" t="s">
        <v>308</v>
      </c>
      <c r="D97" s="711"/>
      <c r="E97" s="78" t="s">
        <v>0</v>
      </c>
      <c r="F97" s="79">
        <v>1</v>
      </c>
      <c r="G97" s="172"/>
      <c r="H97" s="181"/>
      <c r="I97" s="186" t="s">
        <v>512</v>
      </c>
      <c r="L97" s="286"/>
    </row>
    <row r="98" spans="1:12" s="95" customFormat="1" ht="9.9499999999999993" customHeight="1">
      <c r="A98" s="67"/>
      <c r="B98" s="708"/>
      <c r="C98" s="712"/>
      <c r="D98" s="700"/>
      <c r="E98" s="712"/>
      <c r="F98" s="700"/>
      <c r="G98" s="712"/>
      <c r="H98" s="700"/>
      <c r="I98" s="726"/>
      <c r="L98" s="284"/>
    </row>
    <row r="99" spans="1:12" s="95" customFormat="1" ht="9.9499999999999993" customHeight="1">
      <c r="A99" s="72"/>
      <c r="B99" s="73"/>
      <c r="C99" s="691"/>
      <c r="D99" s="692"/>
      <c r="E99" s="74"/>
      <c r="F99" s="694"/>
      <c r="G99" s="171"/>
      <c r="H99" s="696"/>
      <c r="I99" s="76"/>
    </row>
    <row r="100" spans="1:12" s="94" customFormat="1" ht="9.9499999999999993" customHeight="1">
      <c r="A100" s="80"/>
      <c r="B100" s="542" t="s">
        <v>309</v>
      </c>
      <c r="C100" s="77"/>
      <c r="D100" s="693"/>
      <c r="E100" s="78"/>
      <c r="F100" s="695"/>
      <c r="G100" s="172"/>
      <c r="H100" s="697"/>
      <c r="I100" s="186"/>
    </row>
    <row r="101" spans="1:12" s="94" customFormat="1" ht="9.9499999999999993" customHeight="1">
      <c r="A101" s="67"/>
      <c r="B101" s="68"/>
      <c r="C101" s="68"/>
      <c r="D101" s="68"/>
      <c r="E101" s="69"/>
      <c r="F101" s="70"/>
      <c r="G101" s="173"/>
      <c r="H101" s="179"/>
      <c r="I101" s="71"/>
    </row>
    <row r="102" spans="1:12" s="94" customFormat="1" ht="9.9499999999999993" customHeight="1">
      <c r="A102" s="72"/>
      <c r="B102" s="73"/>
      <c r="C102" s="73"/>
      <c r="D102" s="73"/>
      <c r="E102" s="74"/>
      <c r="F102" s="75"/>
      <c r="G102" s="171"/>
      <c r="H102" s="180"/>
      <c r="I102" s="76"/>
    </row>
    <row r="103" spans="1:12" s="94" customFormat="1" ht="9.9499999999999993" customHeight="1">
      <c r="A103" s="80"/>
      <c r="B103" s="77" t="s">
        <v>310</v>
      </c>
      <c r="C103" s="77"/>
      <c r="D103" s="77"/>
      <c r="E103" s="78"/>
      <c r="F103" s="79"/>
      <c r="G103" s="172"/>
      <c r="H103" s="181"/>
      <c r="I103" s="215"/>
    </row>
    <row r="104" spans="1:12" s="95" customFormat="1" ht="9.9499999999999993" customHeight="1">
      <c r="A104" s="67"/>
      <c r="B104" s="68"/>
      <c r="C104" s="68"/>
      <c r="D104" s="68"/>
      <c r="E104" s="69"/>
      <c r="F104" s="70"/>
      <c r="G104" s="173"/>
      <c r="H104" s="179"/>
      <c r="I104" s="71"/>
    </row>
    <row r="105" spans="1:12" s="95" customFormat="1" ht="9.9499999999999993" customHeight="1">
      <c r="A105" s="72"/>
      <c r="B105" s="73"/>
      <c r="C105" s="73"/>
      <c r="D105" s="73"/>
      <c r="E105" s="74"/>
      <c r="F105" s="75"/>
      <c r="G105" s="171"/>
      <c r="H105" s="180"/>
      <c r="I105" s="76"/>
    </row>
    <row r="106" spans="1:12" s="94" customFormat="1" ht="9.9499999999999993" customHeight="1">
      <c r="A106" s="80"/>
      <c r="B106" s="77"/>
      <c r="C106" s="77" t="s">
        <v>280</v>
      </c>
      <c r="D106" s="77"/>
      <c r="E106" s="78" t="s">
        <v>0</v>
      </c>
      <c r="F106" s="79">
        <v>1</v>
      </c>
      <c r="G106" s="189"/>
      <c r="H106" s="718"/>
      <c r="I106" s="215" t="s">
        <v>513</v>
      </c>
    </row>
    <row r="107" spans="1:12" s="95" customFormat="1" ht="9.9499999999999993" customHeight="1">
      <c r="A107" s="67"/>
      <c r="B107" s="68"/>
      <c r="C107" s="68"/>
      <c r="D107" s="68"/>
      <c r="E107" s="69"/>
      <c r="F107" s="70"/>
      <c r="G107" s="173"/>
      <c r="H107" s="719"/>
      <c r="I107" s="71"/>
    </row>
    <row r="108" spans="1:12" s="95" customFormat="1" ht="9.9499999999999993" customHeight="1">
      <c r="A108" s="72"/>
      <c r="B108" s="73"/>
      <c r="C108" s="73"/>
      <c r="D108" s="73"/>
      <c r="E108" s="74"/>
      <c r="F108" s="75"/>
      <c r="G108" s="171"/>
      <c r="H108" s="720"/>
      <c r="I108" s="76"/>
    </row>
    <row r="109" spans="1:12" s="94" customFormat="1" ht="9.9499999999999993" customHeight="1">
      <c r="A109" s="80"/>
      <c r="B109" s="77"/>
      <c r="C109" s="77" t="s">
        <v>282</v>
      </c>
      <c r="D109" s="157"/>
      <c r="E109" s="208" t="s">
        <v>0</v>
      </c>
      <c r="F109" s="87">
        <v>1</v>
      </c>
      <c r="G109" s="210"/>
      <c r="H109" s="545"/>
      <c r="I109" s="215" t="s">
        <v>514</v>
      </c>
    </row>
    <row r="110" spans="1:12" s="95" customFormat="1" ht="9.9499999999999993" customHeight="1">
      <c r="A110" s="67"/>
      <c r="B110" s="68"/>
      <c r="C110" s="68"/>
      <c r="D110" s="68"/>
      <c r="E110" s="69"/>
      <c r="F110" s="70"/>
      <c r="G110" s="173"/>
      <c r="H110" s="719"/>
      <c r="I110" s="71"/>
    </row>
    <row r="111" spans="1:12" s="95" customFormat="1" ht="9.9499999999999993" customHeight="1">
      <c r="A111" s="72"/>
      <c r="B111" s="73"/>
      <c r="C111" s="73"/>
      <c r="D111" s="73"/>
      <c r="E111" s="74"/>
      <c r="F111" s="75"/>
      <c r="G111" s="171"/>
      <c r="H111" s="720"/>
      <c r="I111" s="76"/>
    </row>
    <row r="112" spans="1:12" s="94" customFormat="1" ht="9.9499999999999993" customHeight="1">
      <c r="A112" s="80"/>
      <c r="B112" s="77"/>
      <c r="C112" s="77" t="s">
        <v>277</v>
      </c>
      <c r="D112" s="77"/>
      <c r="E112" s="78" t="s">
        <v>0</v>
      </c>
      <c r="F112" s="79">
        <v>1</v>
      </c>
      <c r="G112" s="189"/>
      <c r="H112" s="718"/>
      <c r="I112" s="215" t="s">
        <v>515</v>
      </c>
    </row>
    <row r="113" spans="1:9" s="95" customFormat="1" ht="9.9499999999999993" customHeight="1">
      <c r="A113" s="67"/>
      <c r="B113" s="68"/>
      <c r="C113" s="68"/>
      <c r="D113" s="68"/>
      <c r="E113" s="69"/>
      <c r="F113" s="70"/>
      <c r="G113" s="173"/>
      <c r="H113" s="719"/>
      <c r="I113" s="71"/>
    </row>
    <row r="114" spans="1:9" s="95" customFormat="1" ht="9.9499999999999993" customHeight="1">
      <c r="A114" s="72"/>
      <c r="B114" s="73"/>
      <c r="C114" s="73"/>
      <c r="D114" s="73"/>
      <c r="E114" s="74"/>
      <c r="F114" s="75"/>
      <c r="G114" s="171"/>
      <c r="H114" s="720"/>
      <c r="I114" s="76"/>
    </row>
    <row r="115" spans="1:9" s="94" customFormat="1" ht="9.9499999999999993" customHeight="1">
      <c r="A115" s="80"/>
      <c r="B115" s="77"/>
      <c r="C115" s="77" t="s">
        <v>278</v>
      </c>
      <c r="D115" s="157"/>
      <c r="E115" s="208" t="s">
        <v>0</v>
      </c>
      <c r="F115" s="87">
        <v>1</v>
      </c>
      <c r="G115" s="210"/>
      <c r="H115" s="545"/>
      <c r="I115" s="215" t="s">
        <v>516</v>
      </c>
    </row>
    <row r="116" spans="1:9" s="95" customFormat="1" ht="9.9499999999999993" customHeight="1">
      <c r="A116" s="706"/>
      <c r="B116" s="708"/>
      <c r="C116" s="68"/>
      <c r="D116" s="68"/>
      <c r="E116" s="69"/>
      <c r="F116" s="70"/>
      <c r="G116" s="173"/>
      <c r="H116" s="721"/>
      <c r="I116" s="71"/>
    </row>
    <row r="117" spans="1:9" s="95" customFormat="1" ht="9.9499999999999993" customHeight="1">
      <c r="A117" s="699"/>
      <c r="B117" s="713"/>
      <c r="C117" s="73"/>
      <c r="D117" s="73"/>
      <c r="E117" s="74"/>
      <c r="F117" s="75"/>
      <c r="G117" s="171"/>
      <c r="H117" s="460"/>
      <c r="I117" s="76"/>
    </row>
    <row r="118" spans="1:9" s="94" customFormat="1" ht="9.9499999999999993" customHeight="1">
      <c r="A118" s="480"/>
      <c r="B118" s="723" t="s">
        <v>311</v>
      </c>
      <c r="C118" s="77"/>
      <c r="D118" s="77"/>
      <c r="E118" s="78"/>
      <c r="F118" s="79"/>
      <c r="G118" s="172"/>
      <c r="H118" s="181"/>
      <c r="I118" s="186"/>
    </row>
    <row r="119" spans="1:9" s="95" customFormat="1" ht="9.9499999999999993" customHeight="1">
      <c r="A119" s="187"/>
      <c r="B119" s="68"/>
      <c r="C119" s="73"/>
      <c r="D119" s="73"/>
      <c r="E119" s="74"/>
      <c r="F119" s="75"/>
      <c r="G119" s="171"/>
      <c r="H119" s="460"/>
      <c r="I119" s="76"/>
    </row>
    <row r="120" spans="1:9" s="95" customFormat="1" ht="9.9499999999999993" customHeight="1">
      <c r="A120" s="188"/>
      <c r="B120" s="73"/>
      <c r="C120" s="73"/>
      <c r="D120" s="73"/>
      <c r="E120" s="74"/>
      <c r="F120" s="75"/>
      <c r="G120" s="171"/>
      <c r="H120" s="722"/>
      <c r="I120" s="76"/>
    </row>
    <row r="121" spans="1:9" s="94" customFormat="1" ht="9.9499999999999993" customHeight="1">
      <c r="A121" s="727" t="s">
        <v>312</v>
      </c>
      <c r="B121" s="438"/>
      <c r="C121" s="438"/>
      <c r="D121" s="438"/>
      <c r="E121" s="439"/>
      <c r="F121" s="440"/>
      <c r="G121" s="728"/>
      <c r="H121" s="729"/>
      <c r="I121" s="547"/>
    </row>
    <row r="122" spans="1:9" s="96" customFormat="1" ht="30" customHeight="1">
      <c r="A122" s="962" t="s">
        <v>31</v>
      </c>
      <c r="B122" s="963"/>
      <c r="C122" s="963"/>
      <c r="D122" s="963"/>
      <c r="E122" s="963"/>
      <c r="F122" s="963"/>
      <c r="G122" s="963"/>
      <c r="H122" s="963"/>
      <c r="I122" s="964"/>
    </row>
    <row r="123" spans="1:9" s="95" customFormat="1" ht="30" customHeight="1">
      <c r="A123" s="116" t="s">
        <v>22</v>
      </c>
      <c r="B123" s="117" t="s">
        <v>23</v>
      </c>
      <c r="C123" s="117" t="s">
        <v>24</v>
      </c>
      <c r="D123" s="117" t="s">
        <v>25</v>
      </c>
      <c r="E123" s="117" t="s">
        <v>26</v>
      </c>
      <c r="F123" s="117" t="s">
        <v>27</v>
      </c>
      <c r="G123" s="117" t="s">
        <v>28</v>
      </c>
      <c r="H123" s="114" t="s">
        <v>29</v>
      </c>
      <c r="I123" s="118" t="s">
        <v>30</v>
      </c>
    </row>
    <row r="124" spans="1:9" s="95" customFormat="1" ht="9.9499999999999993" customHeight="1">
      <c r="A124" s="67"/>
      <c r="B124" s="68"/>
      <c r="C124" s="68"/>
      <c r="D124" s="68"/>
      <c r="E124" s="69"/>
      <c r="F124" s="70"/>
      <c r="G124" s="173"/>
      <c r="H124" s="179"/>
      <c r="I124" s="71"/>
    </row>
    <row r="125" spans="1:9" s="95" customFormat="1" ht="9.9499999999999993" customHeight="1">
      <c r="A125" s="72"/>
      <c r="B125" s="73"/>
      <c r="C125" s="73"/>
      <c r="D125" s="73"/>
      <c r="E125" s="74"/>
      <c r="F125" s="75"/>
      <c r="G125" s="171"/>
      <c r="H125" s="180"/>
      <c r="I125" s="76"/>
    </row>
    <row r="126" spans="1:9" s="94" customFormat="1" ht="9.9499999999999993" customHeight="1">
      <c r="A126" s="80" t="s">
        <v>283</v>
      </c>
      <c r="B126" s="77"/>
      <c r="C126" s="77"/>
      <c r="D126" s="77"/>
      <c r="E126" s="78"/>
      <c r="F126" s="79"/>
      <c r="G126" s="172"/>
      <c r="H126" s="181"/>
      <c r="I126" s="215"/>
    </row>
    <row r="127" spans="1:9" s="95" customFormat="1" ht="9.9499999999999993" customHeight="1">
      <c r="A127" s="67"/>
      <c r="B127" s="68"/>
      <c r="C127" s="68"/>
      <c r="D127" s="68"/>
      <c r="E127" s="69"/>
      <c r="F127" s="70"/>
      <c r="G127" s="173"/>
      <c r="H127" s="179"/>
      <c r="I127" s="71"/>
    </row>
    <row r="128" spans="1:9" s="94" customFormat="1" ht="9.9499999999999993" customHeight="1">
      <c r="A128" s="72"/>
      <c r="B128" s="73"/>
      <c r="C128" s="73"/>
      <c r="D128" s="73"/>
      <c r="E128" s="74"/>
      <c r="F128" s="75"/>
      <c r="G128" s="171"/>
      <c r="H128" s="180"/>
      <c r="I128" s="76"/>
    </row>
    <row r="129" spans="1:9" s="95" customFormat="1" ht="9.9499999999999993" customHeight="1">
      <c r="A129" s="80"/>
      <c r="B129" s="77" t="s">
        <v>313</v>
      </c>
      <c r="C129" s="77"/>
      <c r="D129" s="77"/>
      <c r="E129" s="78"/>
      <c r="F129" s="79"/>
      <c r="G129" s="172"/>
      <c r="H129" s="181"/>
      <c r="I129" s="215"/>
    </row>
    <row r="130" spans="1:9" s="95" customFormat="1" ht="9.9499999999999993" customHeight="1">
      <c r="A130" s="67"/>
      <c r="B130" s="68"/>
      <c r="C130" s="68"/>
      <c r="D130" s="68"/>
      <c r="E130" s="69"/>
      <c r="F130" s="70"/>
      <c r="G130" s="173"/>
      <c r="H130" s="179"/>
      <c r="I130" s="71"/>
    </row>
    <row r="131" spans="1:9" s="94" customFormat="1" ht="9.9499999999999993" customHeight="1">
      <c r="A131" s="72"/>
      <c r="B131" s="73"/>
      <c r="C131" s="73"/>
      <c r="D131" s="73"/>
      <c r="E131" s="74"/>
      <c r="F131" s="75"/>
      <c r="G131" s="171"/>
      <c r="H131" s="180"/>
      <c r="I131" s="76"/>
    </row>
    <row r="132" spans="1:9" s="95" customFormat="1" ht="9.9499999999999993" customHeight="1">
      <c r="A132" s="80"/>
      <c r="B132" s="77"/>
      <c r="C132" s="77" t="s">
        <v>280</v>
      </c>
      <c r="D132" s="77"/>
      <c r="E132" s="78" t="s">
        <v>0</v>
      </c>
      <c r="F132" s="79">
        <v>1</v>
      </c>
      <c r="G132" s="172"/>
      <c r="H132" s="181"/>
      <c r="I132" s="215" t="s">
        <v>517</v>
      </c>
    </row>
    <row r="133" spans="1:9" s="95" customFormat="1" ht="9.9499999999999993" customHeight="1">
      <c r="A133" s="67"/>
      <c r="B133" s="68"/>
      <c r="C133" s="68"/>
      <c r="D133" s="68"/>
      <c r="E133" s="69"/>
      <c r="F133" s="70"/>
      <c r="G133" s="173"/>
      <c r="H133" s="179"/>
      <c r="I133" s="71"/>
    </row>
    <row r="134" spans="1:9" s="94" customFormat="1" ht="9.9499999999999993" customHeight="1">
      <c r="A134" s="72"/>
      <c r="B134" s="73"/>
      <c r="C134" s="73"/>
      <c r="D134" s="73"/>
      <c r="E134" s="74"/>
      <c r="F134" s="75"/>
      <c r="G134" s="171"/>
      <c r="H134" s="180"/>
      <c r="I134" s="76"/>
    </row>
    <row r="135" spans="1:9" s="95" customFormat="1" ht="9.9499999999999993" customHeight="1">
      <c r="A135" s="80"/>
      <c r="B135" s="77"/>
      <c r="C135" s="77" t="s">
        <v>282</v>
      </c>
      <c r="D135" s="77"/>
      <c r="E135" s="78" t="s">
        <v>0</v>
      </c>
      <c r="F135" s="79">
        <v>1</v>
      </c>
      <c r="G135" s="172"/>
      <c r="H135" s="181"/>
      <c r="I135" s="215" t="s">
        <v>518</v>
      </c>
    </row>
    <row r="136" spans="1:9" s="95" customFormat="1" ht="9.9499999999999993" customHeight="1">
      <c r="A136" s="67"/>
      <c r="B136" s="68"/>
      <c r="C136" s="68"/>
      <c r="D136" s="68"/>
      <c r="E136" s="69"/>
      <c r="F136" s="70"/>
      <c r="G136" s="173"/>
      <c r="H136" s="179"/>
      <c r="I136" s="71"/>
    </row>
    <row r="137" spans="1:9" s="94" customFormat="1" ht="9.9499999999999993" customHeight="1">
      <c r="A137" s="72"/>
      <c r="B137" s="73"/>
      <c r="C137" s="73"/>
      <c r="D137" s="73"/>
      <c r="E137" s="74"/>
      <c r="F137" s="75"/>
      <c r="G137" s="171"/>
      <c r="H137" s="180"/>
      <c r="I137" s="76"/>
    </row>
    <row r="138" spans="1:9" s="95" customFormat="1" ht="9.9499999999999993" customHeight="1">
      <c r="A138" s="80"/>
      <c r="B138" s="77"/>
      <c r="C138" s="77" t="s">
        <v>277</v>
      </c>
      <c r="D138" s="77"/>
      <c r="E138" s="78" t="s">
        <v>0</v>
      </c>
      <c r="F138" s="79">
        <v>1</v>
      </c>
      <c r="G138" s="172"/>
      <c r="H138" s="181"/>
      <c r="I138" s="186" t="s">
        <v>519</v>
      </c>
    </row>
    <row r="139" spans="1:9" s="95" customFormat="1" ht="9.9499999999999993" customHeight="1">
      <c r="A139" s="67"/>
      <c r="B139" s="68"/>
      <c r="C139" s="68"/>
      <c r="D139" s="68"/>
      <c r="E139" s="69"/>
      <c r="F139" s="70"/>
      <c r="G139" s="173"/>
      <c r="H139" s="179"/>
      <c r="I139" s="71"/>
    </row>
    <row r="140" spans="1:9" s="94" customFormat="1" ht="9.9499999999999993" customHeight="1">
      <c r="A140" s="72"/>
      <c r="B140" s="73"/>
      <c r="C140" s="73"/>
      <c r="D140" s="73"/>
      <c r="E140" s="74"/>
      <c r="F140" s="75"/>
      <c r="G140" s="171"/>
      <c r="H140" s="180"/>
      <c r="I140" s="76"/>
    </row>
    <row r="141" spans="1:9" s="95" customFormat="1" ht="9.9499999999999993" customHeight="1">
      <c r="A141" s="80"/>
      <c r="B141" s="77"/>
      <c r="C141" s="77" t="s">
        <v>278</v>
      </c>
      <c r="D141" s="77"/>
      <c r="E141" s="78" t="s">
        <v>0</v>
      </c>
      <c r="F141" s="79">
        <v>1</v>
      </c>
      <c r="G141" s="172"/>
      <c r="H141" s="181"/>
      <c r="I141" s="186" t="s">
        <v>520</v>
      </c>
    </row>
    <row r="142" spans="1:9" s="95" customFormat="1" ht="9.9499999999999993" customHeight="1">
      <c r="A142" s="706"/>
      <c r="B142" s="708"/>
      <c r="C142" s="68"/>
      <c r="D142" s="68"/>
      <c r="E142" s="69"/>
      <c r="F142" s="70"/>
      <c r="G142" s="173"/>
      <c r="H142" s="179"/>
      <c r="I142" s="71"/>
    </row>
    <row r="143" spans="1:9" s="94" customFormat="1" ht="9.9499999999999993" customHeight="1">
      <c r="A143" s="699"/>
      <c r="B143" s="713"/>
      <c r="C143" s="73"/>
      <c r="D143" s="73"/>
      <c r="E143" s="74"/>
      <c r="F143" s="75"/>
      <c r="G143" s="171"/>
      <c r="H143" s="180"/>
      <c r="I143" s="76"/>
    </row>
    <row r="144" spans="1:9" s="95" customFormat="1" ht="9.9499999999999993" customHeight="1">
      <c r="A144" s="480"/>
      <c r="B144" s="703"/>
      <c r="C144" s="77" t="s">
        <v>291</v>
      </c>
      <c r="D144" s="77"/>
      <c r="E144" s="78" t="s">
        <v>0</v>
      </c>
      <c r="F144" s="79">
        <v>1</v>
      </c>
      <c r="G144" s="172"/>
      <c r="H144" s="181"/>
      <c r="I144" s="186" t="s">
        <v>521</v>
      </c>
    </row>
    <row r="145" spans="1:9" s="95" customFormat="1" ht="9.9499999999999993" customHeight="1">
      <c r="A145" s="67"/>
      <c r="B145" s="68"/>
      <c r="C145" s="68"/>
      <c r="D145" s="68"/>
      <c r="E145" s="69"/>
      <c r="F145" s="70"/>
      <c r="G145" s="173"/>
      <c r="H145" s="179"/>
      <c r="I145" s="76"/>
    </row>
    <row r="146" spans="1:9" s="94" customFormat="1" ht="9.9499999999999993" customHeight="1">
      <c r="A146" s="72"/>
      <c r="B146" s="73"/>
      <c r="C146" s="73"/>
      <c r="D146" s="73"/>
      <c r="E146" s="74"/>
      <c r="F146" s="75"/>
      <c r="G146" s="171"/>
      <c r="H146" s="180"/>
      <c r="I146" s="76"/>
    </row>
    <row r="147" spans="1:9" s="95" customFormat="1" ht="9.9499999999999993" customHeight="1">
      <c r="A147" s="80"/>
      <c r="B147" s="77"/>
      <c r="C147" s="77"/>
      <c r="D147" s="77"/>
      <c r="E147" s="78"/>
      <c r="F147" s="79"/>
      <c r="G147" s="172"/>
      <c r="H147" s="181"/>
      <c r="I147" s="186"/>
    </row>
    <row r="148" spans="1:9" s="95" customFormat="1" ht="9.9499999999999993" customHeight="1">
      <c r="A148" s="72"/>
      <c r="B148" s="73"/>
      <c r="C148" s="68"/>
      <c r="D148" s="68"/>
      <c r="E148" s="74"/>
      <c r="F148" s="75"/>
      <c r="G148" s="171"/>
      <c r="H148" s="241"/>
      <c r="I148" s="71"/>
    </row>
    <row r="149" spans="1:9" s="94" customFormat="1" ht="9.9499999999999993" customHeight="1">
      <c r="A149" s="72"/>
      <c r="B149" s="73"/>
      <c r="C149" s="73"/>
      <c r="D149" s="73"/>
      <c r="E149" s="74"/>
      <c r="F149" s="75"/>
      <c r="G149" s="171"/>
      <c r="H149" s="180"/>
      <c r="I149" s="76"/>
    </row>
    <row r="150" spans="1:9" s="95" customFormat="1" ht="9.9499999999999993" customHeight="1">
      <c r="A150" s="480" t="s">
        <v>284</v>
      </c>
      <c r="B150" s="703"/>
      <c r="C150" s="77"/>
      <c r="D150" s="77"/>
      <c r="E150" s="714"/>
      <c r="F150" s="703"/>
      <c r="G150" s="714"/>
      <c r="H150" s="481"/>
      <c r="I150" s="186"/>
    </row>
    <row r="151" spans="1:9" s="95" customFormat="1" ht="9.9499999999999993" customHeight="1">
      <c r="A151" s="67"/>
      <c r="B151" s="68"/>
      <c r="C151" s="68"/>
      <c r="D151" s="68"/>
      <c r="E151" s="69"/>
      <c r="F151" s="70"/>
      <c r="G151" s="173"/>
      <c r="H151" s="179"/>
      <c r="I151" s="71"/>
    </row>
    <row r="152" spans="1:9" s="94" customFormat="1" ht="9.9499999999999993" customHeight="1">
      <c r="A152" s="72"/>
      <c r="B152" s="73"/>
      <c r="C152" s="73"/>
      <c r="D152" s="73"/>
      <c r="E152" s="74"/>
      <c r="F152" s="75"/>
      <c r="G152" s="171"/>
      <c r="H152" s="180"/>
      <c r="I152" s="76"/>
    </row>
    <row r="153" spans="1:9" s="95" customFormat="1" ht="9.9499999999999993" customHeight="1">
      <c r="A153" s="80"/>
      <c r="B153" s="77"/>
      <c r="C153" s="77"/>
      <c r="D153" s="77"/>
      <c r="E153" s="78"/>
      <c r="F153" s="79"/>
      <c r="G153" s="172"/>
      <c r="H153" s="181"/>
      <c r="I153" s="186"/>
    </row>
    <row r="154" spans="1:9" s="95" customFormat="1" ht="9.9499999999999993" customHeight="1">
      <c r="A154" s="67"/>
      <c r="B154" s="68"/>
      <c r="C154" s="68"/>
      <c r="D154" s="68"/>
      <c r="E154" s="69"/>
      <c r="F154" s="70"/>
      <c r="G154" s="173"/>
      <c r="H154" s="179"/>
      <c r="I154" s="71"/>
    </row>
    <row r="155" spans="1:9" s="95" customFormat="1" ht="9.9499999999999993" customHeight="1">
      <c r="A155" s="72"/>
      <c r="B155" s="73"/>
      <c r="C155" s="73"/>
      <c r="D155" s="73"/>
      <c r="E155" s="74"/>
      <c r="F155" s="75"/>
      <c r="G155" s="171"/>
      <c r="H155" s="180"/>
      <c r="I155" s="76"/>
    </row>
    <row r="156" spans="1:9" s="95" customFormat="1" ht="9.9499999999999993" customHeight="1">
      <c r="A156" s="80"/>
      <c r="B156" s="77"/>
      <c r="C156" s="77"/>
      <c r="D156" s="77"/>
      <c r="E156" s="78"/>
      <c r="F156" s="79"/>
      <c r="G156" s="172"/>
      <c r="H156" s="181"/>
      <c r="I156" s="186"/>
    </row>
    <row r="157" spans="1:9" s="95" customFormat="1" ht="9.9499999999999993" customHeight="1">
      <c r="A157" s="67"/>
      <c r="B157" s="68"/>
      <c r="C157" s="68"/>
      <c r="D157" s="68"/>
      <c r="E157" s="69"/>
      <c r="F157" s="70"/>
      <c r="G157" s="173"/>
      <c r="H157" s="179"/>
      <c r="I157" s="71"/>
    </row>
    <row r="158" spans="1:9" s="94" customFormat="1" ht="9.9499999999999993" customHeight="1">
      <c r="A158" s="72"/>
      <c r="B158" s="73"/>
      <c r="C158" s="73"/>
      <c r="D158" s="73"/>
      <c r="E158" s="74"/>
      <c r="F158" s="75"/>
      <c r="G158" s="171"/>
      <c r="H158" s="180"/>
      <c r="I158" s="76"/>
    </row>
    <row r="159" spans="1:9" s="95" customFormat="1" ht="9.9499999999999993" customHeight="1">
      <c r="A159" s="80"/>
      <c r="B159" s="77"/>
      <c r="C159" s="77"/>
      <c r="D159" s="77"/>
      <c r="E159" s="78"/>
      <c r="F159" s="79"/>
      <c r="G159" s="172"/>
      <c r="H159" s="181"/>
      <c r="I159" s="186"/>
    </row>
    <row r="160" spans="1:9" s="95" customFormat="1" ht="9.9499999999999993" customHeight="1">
      <c r="A160" s="706"/>
      <c r="B160" s="708"/>
      <c r="C160" s="700"/>
      <c r="D160" s="708"/>
      <c r="E160" s="700"/>
      <c r="F160" s="708"/>
      <c r="G160" s="700"/>
      <c r="H160" s="708"/>
      <c r="I160" s="704"/>
    </row>
    <row r="161" spans="1:9" s="94" customFormat="1" ht="9.9499999999999993" customHeight="1">
      <c r="A161" s="699"/>
      <c r="B161" s="713"/>
      <c r="C161" s="702"/>
      <c r="D161" s="713"/>
      <c r="E161" s="702"/>
      <c r="F161" s="713"/>
      <c r="G161" s="702"/>
      <c r="H161" s="713"/>
      <c r="I161" s="701"/>
    </row>
    <row r="162" spans="1:9" s="95" customFormat="1" ht="9.9499999999999993" customHeight="1">
      <c r="A162" s="288"/>
      <c r="B162" s="715"/>
      <c r="C162" s="716"/>
      <c r="D162" s="715"/>
      <c r="E162" s="716"/>
      <c r="F162" s="715"/>
      <c r="G162" s="716"/>
      <c r="H162" s="289"/>
      <c r="I162" s="717"/>
    </row>
  </sheetData>
  <mergeCells count="2">
    <mergeCell ref="A41:I41"/>
    <mergeCell ref="A122:I122"/>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162"/>
  <sheetViews>
    <sheetView showGridLines="0" zoomScale="145" zoomScaleNormal="145" zoomScaleSheetLayoutView="55"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67"/>
      <c r="B2" s="68"/>
      <c r="C2" s="68"/>
      <c r="D2" s="68"/>
      <c r="E2" s="69"/>
      <c r="F2" s="70"/>
      <c r="G2" s="98"/>
      <c r="H2" s="98"/>
      <c r="I2" s="71"/>
    </row>
    <row r="3" spans="1:13" s="95" customFormat="1" ht="9.9499999999999993" customHeight="1">
      <c r="A3" s="72" t="s">
        <v>314</v>
      </c>
      <c r="B3" s="73"/>
      <c r="C3" s="73"/>
      <c r="D3" s="73"/>
      <c r="E3" s="74"/>
      <c r="F3" s="75"/>
      <c r="G3" s="99"/>
      <c r="H3" s="99"/>
      <c r="I3" s="76"/>
    </row>
    <row r="4" spans="1:13" s="94" customFormat="1" ht="9.9499999999999993" customHeight="1">
      <c r="A4" s="80"/>
      <c r="B4" s="77"/>
      <c r="C4" s="77"/>
      <c r="D4" s="77"/>
      <c r="E4" s="78"/>
      <c r="F4" s="79"/>
      <c r="G4" s="100"/>
      <c r="H4" s="97"/>
      <c r="I4" s="186"/>
    </row>
    <row r="5" spans="1:13" s="95" customFormat="1" ht="9.9499999999999993" customHeight="1">
      <c r="A5" s="67"/>
      <c r="B5" s="68"/>
      <c r="C5" s="630"/>
      <c r="D5" s="68"/>
      <c r="E5" s="69"/>
      <c r="F5" s="70"/>
      <c r="G5" s="98"/>
      <c r="H5" s="98"/>
      <c r="I5" s="71"/>
    </row>
    <row r="6" spans="1:13" s="95" customFormat="1" ht="9.9499999999999993" customHeight="1">
      <c r="A6" s="72"/>
      <c r="B6" s="73" t="s">
        <v>315</v>
      </c>
      <c r="C6" s="631"/>
      <c r="D6" s="73"/>
      <c r="E6" s="74"/>
      <c r="F6" s="75"/>
      <c r="G6" s="99"/>
      <c r="H6" s="99"/>
      <c r="I6" s="76"/>
    </row>
    <row r="7" spans="1:13" s="94" customFormat="1" ht="9.9499999999999993" customHeight="1">
      <c r="A7" s="80"/>
      <c r="B7" s="77"/>
      <c r="C7" s="632"/>
      <c r="D7" s="77"/>
      <c r="E7" s="78"/>
      <c r="F7" s="79"/>
      <c r="G7" s="100"/>
      <c r="H7" s="97"/>
      <c r="I7" s="190"/>
    </row>
    <row r="8" spans="1:13" s="95" customFormat="1" ht="9.9499999999999993" customHeight="1">
      <c r="A8" s="67"/>
      <c r="B8" s="68"/>
      <c r="C8" s="68" t="s">
        <v>280</v>
      </c>
      <c r="D8" s="191"/>
      <c r="E8" s="69"/>
      <c r="F8" s="70"/>
      <c r="G8" s="173"/>
      <c r="H8" s="230"/>
      <c r="I8" s="71"/>
      <c r="L8" s="238"/>
    </row>
    <row r="9" spans="1:13" s="95" customFormat="1" ht="9.9499999999999993" customHeight="1">
      <c r="A9" s="72"/>
      <c r="B9" s="73"/>
      <c r="C9" s="73" t="s">
        <v>316</v>
      </c>
      <c r="D9" s="192"/>
      <c r="E9" s="74"/>
      <c r="F9" s="75"/>
      <c r="G9" s="171"/>
      <c r="H9" s="228"/>
      <c r="I9" s="633"/>
      <c r="L9" s="238"/>
    </row>
    <row r="10" spans="1:13" s="94" customFormat="1" ht="9.9499999999999993" customHeight="1">
      <c r="A10" s="80"/>
      <c r="B10" s="77"/>
      <c r="C10" s="73" t="s">
        <v>426</v>
      </c>
      <c r="D10" s="77"/>
      <c r="E10" s="78" t="s">
        <v>0</v>
      </c>
      <c r="F10" s="79">
        <v>1</v>
      </c>
      <c r="G10" s="172"/>
      <c r="H10" s="224"/>
      <c r="I10" s="634"/>
      <c r="L10" s="239"/>
    </row>
    <row r="11" spans="1:13" s="95" customFormat="1" ht="9.9499999999999993" customHeight="1">
      <c r="A11" s="67"/>
      <c r="B11" s="68"/>
      <c r="C11" s="221"/>
      <c r="D11" s="221"/>
      <c r="E11" s="231"/>
      <c r="F11" s="225"/>
      <c r="G11" s="229"/>
      <c r="H11" s="230"/>
      <c r="I11" s="71"/>
      <c r="K11" s="94"/>
      <c r="L11" s="238"/>
      <c r="M11" s="94"/>
    </row>
    <row r="12" spans="1:13" s="95" customFormat="1" ht="9.9499999999999993" customHeight="1">
      <c r="A12" s="72"/>
      <c r="B12" s="73"/>
      <c r="C12" s="244" t="s">
        <v>427</v>
      </c>
      <c r="D12" s="245"/>
      <c r="E12" s="228"/>
      <c r="F12" s="227"/>
      <c r="G12" s="226"/>
      <c r="H12" s="228"/>
      <c r="I12" s="633"/>
      <c r="K12" s="94"/>
      <c r="L12" s="238"/>
      <c r="M12" s="94"/>
    </row>
    <row r="13" spans="1:13" s="94" customFormat="1" ht="9.9499999999999993" customHeight="1">
      <c r="A13" s="80"/>
      <c r="B13" s="77"/>
      <c r="C13" s="242" t="s">
        <v>428</v>
      </c>
      <c r="D13" s="244"/>
      <c r="E13" s="245" t="s">
        <v>317</v>
      </c>
      <c r="F13" s="227">
        <v>1</v>
      </c>
      <c r="G13" s="247"/>
      <c r="H13" s="224"/>
      <c r="I13" s="634"/>
      <c r="L13" s="239"/>
    </row>
    <row r="14" spans="1:13" s="95" customFormat="1" ht="9.9499999999999993" customHeight="1">
      <c r="A14" s="67"/>
      <c r="B14" s="68"/>
      <c r="C14" s="221"/>
      <c r="D14" s="221"/>
      <c r="E14" s="231"/>
      <c r="F14" s="232"/>
      <c r="G14" s="226"/>
      <c r="H14" s="230"/>
      <c r="I14" s="71"/>
      <c r="K14" s="94"/>
      <c r="L14" s="238"/>
      <c r="M14" s="94"/>
    </row>
    <row r="15" spans="1:13" s="95" customFormat="1" ht="9.9499999999999993" customHeight="1">
      <c r="A15" s="72"/>
      <c r="B15" s="73"/>
      <c r="C15" s="281"/>
      <c r="D15" s="228"/>
      <c r="E15" s="228"/>
      <c r="F15" s="635"/>
      <c r="G15" s="226"/>
      <c r="H15" s="228"/>
      <c r="I15" s="633"/>
      <c r="K15" s="94"/>
      <c r="L15" s="238"/>
      <c r="M15" s="94"/>
    </row>
    <row r="16" spans="1:13" s="94" customFormat="1" ht="9.9499999999999993" customHeight="1">
      <c r="A16" s="80"/>
      <c r="B16" s="77"/>
      <c r="C16" s="243" t="s">
        <v>429</v>
      </c>
      <c r="D16" s="222"/>
      <c r="E16" s="245" t="s">
        <v>317</v>
      </c>
      <c r="F16" s="223">
        <v>1</v>
      </c>
      <c r="G16" s="234"/>
      <c r="H16" s="224"/>
      <c r="I16" s="634"/>
      <c r="L16" s="239"/>
    </row>
    <row r="17" spans="1:13" s="95" customFormat="1" ht="9.9499999999999993" customHeight="1">
      <c r="A17" s="67"/>
      <c r="B17" s="120"/>
      <c r="C17" s="120"/>
      <c r="D17" s="121"/>
      <c r="E17" s="121"/>
      <c r="F17" s="122"/>
      <c r="G17" s="106"/>
      <c r="H17" s="112"/>
      <c r="I17" s="71"/>
      <c r="K17" s="94"/>
      <c r="L17" s="543"/>
      <c r="M17" s="94"/>
    </row>
    <row r="18" spans="1:13" s="95" customFormat="1" ht="9.9499999999999993" customHeight="1">
      <c r="A18" s="72"/>
      <c r="B18" s="125"/>
      <c r="C18" s="125"/>
      <c r="D18" s="126"/>
      <c r="E18" s="126"/>
      <c r="F18" s="127"/>
      <c r="G18" s="107"/>
      <c r="H18" s="113"/>
      <c r="I18" s="633"/>
      <c r="K18" s="94"/>
      <c r="L18" s="238"/>
      <c r="M18" s="94"/>
    </row>
    <row r="19" spans="1:13" s="94" customFormat="1" ht="9.9499999999999993" customHeight="1">
      <c r="A19" s="80"/>
      <c r="B19" s="130"/>
      <c r="C19" s="125" t="s">
        <v>430</v>
      </c>
      <c r="D19" s="130"/>
      <c r="E19" s="131" t="s">
        <v>317</v>
      </c>
      <c r="F19" s="132">
        <v>1</v>
      </c>
      <c r="G19" s="108"/>
      <c r="H19" s="240"/>
      <c r="I19" s="634"/>
      <c r="L19" s="239"/>
    </row>
    <row r="20" spans="1:13" s="95" customFormat="1" ht="9.9499999999999993" customHeight="1">
      <c r="A20" s="67"/>
      <c r="B20" s="68"/>
      <c r="C20" s="221"/>
      <c r="D20" s="85"/>
      <c r="E20" s="231"/>
      <c r="F20" s="225"/>
      <c r="G20" s="102"/>
      <c r="H20" s="230"/>
      <c r="I20" s="71"/>
      <c r="L20" s="238"/>
      <c r="M20" s="94"/>
    </row>
    <row r="21" spans="1:13" s="95" customFormat="1" ht="9.9499999999999993" customHeight="1">
      <c r="A21" s="72"/>
      <c r="B21" s="73"/>
      <c r="C21" s="244"/>
      <c r="D21" s="85"/>
      <c r="E21" s="228"/>
      <c r="F21" s="227"/>
      <c r="G21" s="103"/>
      <c r="H21" s="228"/>
      <c r="I21" s="633"/>
      <c r="L21" s="238"/>
    </row>
    <row r="22" spans="1:13" s="94" customFormat="1" ht="9.9499999999999993" customHeight="1">
      <c r="A22" s="80"/>
      <c r="B22" s="77"/>
      <c r="C22" s="242" t="s">
        <v>318</v>
      </c>
      <c r="D22" s="86"/>
      <c r="E22" s="245"/>
      <c r="F22" s="227"/>
      <c r="G22" s="101"/>
      <c r="H22" s="224"/>
      <c r="I22" s="634"/>
      <c r="L22" s="239"/>
    </row>
    <row r="23" spans="1:13" s="95" customFormat="1" ht="9.9499999999999993" customHeight="1">
      <c r="A23" s="67"/>
      <c r="B23" s="68"/>
      <c r="C23" s="221"/>
      <c r="D23" s="105"/>
      <c r="E23" s="231"/>
      <c r="F23" s="217"/>
      <c r="G23" s="218"/>
      <c r="H23" s="230"/>
      <c r="I23" s="71"/>
    </row>
    <row r="24" spans="1:13" s="95" customFormat="1" ht="9.9499999999999993" customHeight="1">
      <c r="A24" s="320" t="s">
        <v>319</v>
      </c>
      <c r="B24" s="73"/>
      <c r="C24" s="281"/>
      <c r="D24" s="220"/>
      <c r="E24" s="228"/>
      <c r="F24" s="246"/>
      <c r="G24" s="219"/>
      <c r="H24" s="228"/>
      <c r="I24" s="633"/>
    </row>
    <row r="25" spans="1:13" s="94" customFormat="1" ht="9.9499999999999993" customHeight="1">
      <c r="A25" s="80"/>
      <c r="B25" s="77"/>
      <c r="C25" s="243"/>
      <c r="D25" s="220"/>
      <c r="E25" s="245"/>
      <c r="F25" s="246"/>
      <c r="G25" s="219"/>
      <c r="H25" s="224"/>
      <c r="I25" s="634"/>
    </row>
    <row r="26" spans="1:13" s="95" customFormat="1" ht="9.9499999999999993" customHeight="1">
      <c r="A26" s="290"/>
      <c r="B26" s="221"/>
      <c r="C26" s="221"/>
      <c r="D26" s="221"/>
      <c r="E26" s="231"/>
      <c r="F26" s="636"/>
      <c r="G26" s="212"/>
      <c r="H26" s="213"/>
      <c r="I26" s="293"/>
    </row>
    <row r="27" spans="1:13" s="95" customFormat="1" ht="9.9499999999999993" customHeight="1">
      <c r="A27" s="320"/>
      <c r="B27" s="295" t="s">
        <v>320</v>
      </c>
      <c r="C27" s="295"/>
      <c r="D27" s="295"/>
      <c r="E27" s="296"/>
      <c r="F27" s="637"/>
      <c r="G27" s="206"/>
      <c r="H27" s="207"/>
      <c r="I27" s="299"/>
    </row>
    <row r="28" spans="1:13" s="94" customFormat="1" ht="9.9499999999999993" customHeight="1">
      <c r="A28" s="300"/>
      <c r="B28" s="314"/>
      <c r="C28" s="314"/>
      <c r="D28" s="301"/>
      <c r="E28" s="315"/>
      <c r="F28" s="484"/>
      <c r="G28" s="638"/>
      <c r="H28" s="304"/>
      <c r="I28" s="305"/>
    </row>
    <row r="29" spans="1:13" s="95" customFormat="1" ht="9.9499999999999993" customHeight="1">
      <c r="A29" s="290"/>
      <c r="B29" s="221"/>
      <c r="C29" s="221"/>
      <c r="D29" s="295"/>
      <c r="E29" s="231"/>
      <c r="F29" s="291"/>
      <c r="G29" s="102"/>
      <c r="H29" s="292"/>
      <c r="I29" s="293"/>
    </row>
    <row r="30" spans="1:13" s="95" customFormat="1" ht="9.9499999999999993" customHeight="1">
      <c r="A30" s="320"/>
      <c r="B30" s="295"/>
      <c r="C30" s="295"/>
      <c r="D30" s="295"/>
      <c r="E30" s="296"/>
      <c r="F30" s="297"/>
      <c r="G30" s="103"/>
      <c r="H30" s="298"/>
      <c r="I30" s="299"/>
    </row>
    <row r="31" spans="1:13" s="94" customFormat="1" ht="9.9499999999999993" customHeight="1">
      <c r="A31" s="300"/>
      <c r="B31" s="301"/>
      <c r="C31" s="295" t="s">
        <v>321</v>
      </c>
      <c r="D31" s="301" t="s">
        <v>322</v>
      </c>
      <c r="E31" s="315" t="s">
        <v>69</v>
      </c>
      <c r="F31" s="322">
        <v>2</v>
      </c>
      <c r="G31" s="101"/>
      <c r="H31" s="304"/>
      <c r="I31" s="639"/>
    </row>
    <row r="32" spans="1:13" s="95" customFormat="1" ht="9.9499999999999993" customHeight="1">
      <c r="A32" s="290"/>
      <c r="B32" s="221"/>
      <c r="C32" s="221"/>
      <c r="D32" s="324"/>
      <c r="E32" s="231"/>
      <c r="F32" s="291"/>
      <c r="G32" s="102"/>
      <c r="H32" s="640"/>
      <c r="I32" s="641"/>
    </row>
    <row r="33" spans="1:9" s="95" customFormat="1" ht="9.9499999999999993" customHeight="1">
      <c r="A33" s="320"/>
      <c r="B33" s="295"/>
      <c r="C33" s="295"/>
      <c r="D33" s="327" t="s">
        <v>323</v>
      </c>
      <c r="E33" s="296"/>
      <c r="F33" s="297"/>
      <c r="G33" s="103"/>
      <c r="H33" s="103"/>
      <c r="I33" s="299"/>
    </row>
    <row r="34" spans="1:9" s="94" customFormat="1" ht="9.9499999999999993" customHeight="1">
      <c r="A34" s="300"/>
      <c r="B34" s="301"/>
      <c r="C34" s="314" t="s">
        <v>324</v>
      </c>
      <c r="D34" s="301" t="s">
        <v>325</v>
      </c>
      <c r="E34" s="315" t="s">
        <v>69</v>
      </c>
      <c r="F34" s="328">
        <v>6</v>
      </c>
      <c r="G34" s="101"/>
      <c r="H34" s="304"/>
      <c r="I34" s="639"/>
    </row>
    <row r="35" spans="1:9" s="95" customFormat="1" ht="9.9499999999999993" customHeight="1">
      <c r="A35" s="290"/>
      <c r="B35" s="221"/>
      <c r="C35" s="221"/>
      <c r="D35" s="221"/>
      <c r="E35" s="231"/>
      <c r="F35" s="291"/>
      <c r="G35" s="102"/>
      <c r="H35" s="640"/>
      <c r="I35" s="641"/>
    </row>
    <row r="36" spans="1:9" s="95" customFormat="1" ht="9.9499999999999993" customHeight="1">
      <c r="A36" s="320"/>
      <c r="B36" s="295"/>
      <c r="C36" s="295"/>
      <c r="D36" s="295"/>
      <c r="E36" s="296"/>
      <c r="F36" s="297"/>
      <c r="G36" s="103"/>
      <c r="H36" s="103"/>
      <c r="I36" s="299"/>
    </row>
    <row r="37" spans="1:9" s="94" customFormat="1" ht="9.9499999999999993" customHeight="1">
      <c r="A37" s="300"/>
      <c r="B37" s="314"/>
      <c r="C37" s="333" t="s">
        <v>318</v>
      </c>
      <c r="D37" s="333"/>
      <c r="E37" s="334"/>
      <c r="F37" s="335"/>
      <c r="G37" s="336"/>
      <c r="H37" s="304"/>
      <c r="I37" s="639"/>
    </row>
    <row r="38" spans="1:9" s="95" customFormat="1" ht="9.9499999999999993" customHeight="1">
      <c r="A38" s="290"/>
      <c r="B38" s="221"/>
      <c r="C38" s="221"/>
      <c r="D38" s="221"/>
      <c r="E38" s="231"/>
      <c r="F38" s="291"/>
      <c r="G38" s="102"/>
      <c r="H38" s="292"/>
      <c r="I38" s="332"/>
    </row>
    <row r="39" spans="1:9" s="95" customFormat="1" ht="9.9499999999999993" customHeight="1">
      <c r="A39" s="320"/>
      <c r="B39" s="295"/>
      <c r="C39" s="295"/>
      <c r="D39" s="295"/>
      <c r="E39" s="296"/>
      <c r="F39" s="297"/>
      <c r="G39" s="103"/>
      <c r="H39" s="298"/>
      <c r="I39" s="299"/>
    </row>
    <row r="40" spans="1:9" s="94" customFormat="1" ht="9.9499999999999993" customHeight="1">
      <c r="A40" s="597"/>
      <c r="B40" s="578"/>
      <c r="C40" s="577"/>
      <c r="D40" s="577"/>
      <c r="E40" s="578"/>
      <c r="F40" s="598"/>
      <c r="G40" s="579"/>
      <c r="H40" s="580"/>
      <c r="I40" s="599"/>
    </row>
    <row r="41" spans="1:9" s="91" customFormat="1" ht="30" customHeight="1">
      <c r="A41" s="962" t="s">
        <v>31</v>
      </c>
      <c r="B41" s="963"/>
      <c r="C41" s="963"/>
      <c r="D41" s="963"/>
      <c r="E41" s="963"/>
      <c r="F41" s="963"/>
      <c r="G41" s="963"/>
      <c r="H41" s="963"/>
      <c r="I41" s="964"/>
    </row>
    <row r="42" spans="1:9" s="90" customFormat="1" ht="30" customHeight="1">
      <c r="A42" s="116" t="s">
        <v>22</v>
      </c>
      <c r="B42" s="117" t="s">
        <v>23</v>
      </c>
      <c r="C42" s="117" t="s">
        <v>24</v>
      </c>
      <c r="D42" s="117" t="s">
        <v>25</v>
      </c>
      <c r="E42" s="117" t="s">
        <v>26</v>
      </c>
      <c r="F42" s="117" t="s">
        <v>27</v>
      </c>
      <c r="G42" s="591" t="s">
        <v>28</v>
      </c>
      <c r="H42" s="592" t="s">
        <v>29</v>
      </c>
      <c r="I42" s="118" t="s">
        <v>30</v>
      </c>
    </row>
    <row r="43" spans="1:9" s="95" customFormat="1" ht="9.9499999999999993" customHeight="1">
      <c r="A43" s="642"/>
      <c r="B43" s="221"/>
      <c r="C43" s="354"/>
      <c r="D43" s="355"/>
      <c r="E43" s="173"/>
      <c r="F43" s="173"/>
      <c r="G43" s="643"/>
      <c r="H43" s="644"/>
      <c r="I43" s="71"/>
    </row>
    <row r="44" spans="1:9" s="95" customFormat="1" ht="9.9499999999999993" customHeight="1">
      <c r="A44" s="320" t="s">
        <v>326</v>
      </c>
      <c r="B44" s="295"/>
      <c r="C44" s="359"/>
      <c r="D44" s="360"/>
      <c r="E44" s="171"/>
      <c r="F44" s="171"/>
      <c r="G44" s="460"/>
      <c r="H44" s="452"/>
      <c r="I44" s="76"/>
    </row>
    <row r="45" spans="1:9" s="94" customFormat="1" ht="9.9499999999999993" customHeight="1">
      <c r="A45" s="645"/>
      <c r="B45" s="301"/>
      <c r="C45" s="458"/>
      <c r="D45" s="364"/>
      <c r="E45" s="461"/>
      <c r="F45" s="461"/>
      <c r="G45" s="462"/>
      <c r="H45" s="444"/>
      <c r="I45" s="186"/>
    </row>
    <row r="46" spans="1:9" s="95" customFormat="1" ht="9.9499999999999993" customHeight="1">
      <c r="A46" s="646"/>
      <c r="B46" s="221"/>
      <c r="C46" s="221"/>
      <c r="D46" s="350"/>
      <c r="E46" s="231"/>
      <c r="F46" s="335"/>
      <c r="G46" s="336"/>
      <c r="H46" s="102"/>
      <c r="I46" s="71"/>
    </row>
    <row r="47" spans="1:9" s="95" customFormat="1" ht="9.9499999999999993" customHeight="1">
      <c r="A47" s="646"/>
      <c r="B47" s="295" t="s">
        <v>306</v>
      </c>
      <c r="C47" s="295"/>
      <c r="D47" s="327"/>
      <c r="E47" s="296"/>
      <c r="F47" s="297"/>
      <c r="G47" s="336"/>
      <c r="H47" s="647"/>
      <c r="I47" s="76"/>
    </row>
    <row r="48" spans="1:9" s="94" customFormat="1" ht="9.9499999999999993" customHeight="1">
      <c r="A48" s="648"/>
      <c r="B48" s="314"/>
      <c r="C48" s="301"/>
      <c r="D48" s="301"/>
      <c r="E48" s="315"/>
      <c r="F48" s="101"/>
      <c r="G48" s="101"/>
      <c r="H48" s="349"/>
      <c r="I48" s="190"/>
    </row>
    <row r="49" spans="1:9" s="95" customFormat="1" ht="9.9499999999999993" customHeight="1">
      <c r="A49" s="290"/>
      <c r="B49" s="221"/>
      <c r="C49" s="84"/>
      <c r="D49" s="84"/>
      <c r="E49" s="211"/>
      <c r="F49" s="475"/>
      <c r="G49" s="102"/>
      <c r="H49" s="102"/>
      <c r="I49" s="71"/>
    </row>
    <row r="50" spans="1:9" s="95" customFormat="1" ht="9.9499999999999993" customHeight="1">
      <c r="A50" s="320"/>
      <c r="B50" s="295"/>
      <c r="C50" s="472"/>
      <c r="D50" s="85"/>
      <c r="E50" s="174"/>
      <c r="F50" s="476"/>
      <c r="G50" s="103"/>
      <c r="H50" s="103"/>
      <c r="I50" s="633"/>
    </row>
    <row r="51" spans="1:9" s="94" customFormat="1" ht="9.9499999999999993" customHeight="1">
      <c r="A51" s="300"/>
      <c r="B51" s="314"/>
      <c r="C51" s="473" t="s">
        <v>327</v>
      </c>
      <c r="D51" s="86" t="s">
        <v>328</v>
      </c>
      <c r="E51" s="208" t="s">
        <v>329</v>
      </c>
      <c r="F51" s="463">
        <v>6.6</v>
      </c>
      <c r="G51" s="464"/>
      <c r="H51" s="304"/>
      <c r="I51" s="634"/>
    </row>
    <row r="52" spans="1:9" s="95" customFormat="1" ht="9.9499999999999993" customHeight="1">
      <c r="A52" s="290"/>
      <c r="B52" s="221"/>
      <c r="C52" s="221"/>
      <c r="D52" s="221"/>
      <c r="E52" s="211"/>
      <c r="F52" s="478"/>
      <c r="G52" s="218"/>
      <c r="H52" s="102"/>
      <c r="I52" s="71"/>
    </row>
    <row r="53" spans="1:9" s="95" customFormat="1" ht="9.9499999999999993" customHeight="1">
      <c r="A53" s="320"/>
      <c r="B53" s="295"/>
      <c r="C53" s="649"/>
      <c r="D53" s="281"/>
      <c r="E53" s="174"/>
      <c r="F53" s="479"/>
      <c r="G53" s="219"/>
      <c r="H53" s="103"/>
      <c r="I53" s="633"/>
    </row>
    <row r="54" spans="1:9" s="94" customFormat="1" ht="9.9499999999999993" customHeight="1">
      <c r="A54" s="650"/>
      <c r="B54" s="314"/>
      <c r="C54" s="473" t="s">
        <v>327</v>
      </c>
      <c r="D54" s="474" t="s">
        <v>330</v>
      </c>
      <c r="E54" s="208" t="s">
        <v>71</v>
      </c>
      <c r="F54" s="477">
        <v>5</v>
      </c>
      <c r="G54" s="557"/>
      <c r="H54" s="304"/>
      <c r="I54" s="634"/>
    </row>
    <row r="55" spans="1:9" s="95" customFormat="1" ht="9.9499999999999993" customHeight="1">
      <c r="A55" s="290"/>
      <c r="B55" s="354"/>
      <c r="C55" s="221"/>
      <c r="D55" s="221"/>
      <c r="E55" s="211"/>
      <c r="F55" s="478"/>
      <c r="G55" s="218"/>
      <c r="H55" s="102"/>
      <c r="I55" s="71"/>
    </row>
    <row r="56" spans="1:9" s="95" customFormat="1" ht="9.9499999999999993" customHeight="1">
      <c r="A56" s="320"/>
      <c r="B56" s="448"/>
      <c r="C56" s="649"/>
      <c r="D56" s="281"/>
      <c r="E56" s="174"/>
      <c r="F56" s="479"/>
      <c r="G56" s="219"/>
      <c r="H56" s="103"/>
      <c r="I56" s="633"/>
    </row>
    <row r="57" spans="1:9" s="94" customFormat="1" ht="9.9499999999999993" customHeight="1">
      <c r="A57" s="300"/>
      <c r="B57" s="458"/>
      <c r="C57" s="473" t="s">
        <v>327</v>
      </c>
      <c r="D57" s="474" t="s">
        <v>331</v>
      </c>
      <c r="E57" s="208" t="s">
        <v>71</v>
      </c>
      <c r="F57" s="477">
        <v>5</v>
      </c>
      <c r="G57" s="557"/>
      <c r="H57" s="304"/>
      <c r="I57" s="634"/>
    </row>
    <row r="58" spans="1:9" s="95" customFormat="1" ht="9.9499999999999993" customHeight="1">
      <c r="A58" s="290"/>
      <c r="B58" s="354"/>
      <c r="C58" s="84"/>
      <c r="D58" s="84"/>
      <c r="E58" s="211"/>
      <c r="F58" s="551"/>
      <c r="G58" s="103"/>
      <c r="H58" s="102"/>
      <c r="I58" s="556"/>
    </row>
    <row r="59" spans="1:9" s="95" customFormat="1" ht="9.9499999999999993" customHeight="1">
      <c r="A59" s="320"/>
      <c r="B59" s="448"/>
      <c r="C59" s="472"/>
      <c r="D59" s="85"/>
      <c r="E59" s="174"/>
      <c r="F59" s="551"/>
      <c r="G59" s="103"/>
      <c r="H59" s="298"/>
      <c r="I59" s="651"/>
    </row>
    <row r="60" spans="1:9" s="94" customFormat="1" ht="9.9499999999999993" customHeight="1">
      <c r="A60" s="300"/>
      <c r="B60" s="364"/>
      <c r="C60" s="473" t="s">
        <v>290</v>
      </c>
      <c r="D60" s="86"/>
      <c r="E60" s="208" t="s">
        <v>289</v>
      </c>
      <c r="F60" s="554">
        <v>1</v>
      </c>
      <c r="G60" s="101"/>
      <c r="H60" s="369"/>
      <c r="I60" s="555"/>
    </row>
    <row r="61" spans="1:9" s="95" customFormat="1" ht="9.9499999999999993" customHeight="1">
      <c r="A61" s="67"/>
      <c r="B61" s="68"/>
      <c r="C61" s="221"/>
      <c r="D61" s="221"/>
      <c r="E61" s="231"/>
      <c r="F61" s="636"/>
      <c r="G61" s="212"/>
      <c r="H61" s="213"/>
      <c r="I61" s="71"/>
    </row>
    <row r="62" spans="1:9" s="95" customFormat="1" ht="9.9499999999999993" customHeight="1">
      <c r="A62" s="72"/>
      <c r="B62" s="73"/>
      <c r="C62" s="295"/>
      <c r="D62" s="295"/>
      <c r="E62" s="296"/>
      <c r="F62" s="637"/>
      <c r="G62" s="206"/>
      <c r="H62" s="207"/>
      <c r="I62" s="633"/>
    </row>
    <row r="63" spans="1:9" s="94" customFormat="1" ht="9.9499999999999993" customHeight="1">
      <c r="A63" s="80"/>
      <c r="B63" s="77"/>
      <c r="C63" s="314" t="s">
        <v>332</v>
      </c>
      <c r="D63" s="301"/>
      <c r="E63" s="315" t="s">
        <v>329</v>
      </c>
      <c r="F63" s="484">
        <v>4.5</v>
      </c>
      <c r="G63" s="638"/>
      <c r="H63" s="304"/>
      <c r="I63" s="634"/>
    </row>
    <row r="64" spans="1:9" s="95" customFormat="1" ht="9.9499999999999993" customHeight="1">
      <c r="A64" s="642"/>
      <c r="B64" s="221"/>
      <c r="C64" s="221"/>
      <c r="D64" s="221"/>
      <c r="E64" s="211"/>
      <c r="F64" s="478"/>
      <c r="G64" s="102"/>
      <c r="H64" s="102"/>
      <c r="I64" s="332"/>
    </row>
    <row r="65" spans="1:9" s="95" customFormat="1" ht="9.9499999999999993" customHeight="1">
      <c r="A65" s="320"/>
      <c r="B65" s="295"/>
      <c r="C65" s="649"/>
      <c r="D65" s="281"/>
      <c r="E65" s="174"/>
      <c r="F65" s="479"/>
      <c r="G65" s="103"/>
      <c r="H65" s="103"/>
      <c r="I65" s="641"/>
    </row>
    <row r="66" spans="1:9" s="94" customFormat="1" ht="9.9499999999999993" customHeight="1">
      <c r="A66" s="645"/>
      <c r="B66" s="301"/>
      <c r="C66" s="244" t="s">
        <v>318</v>
      </c>
      <c r="D66" s="474"/>
      <c r="E66" s="208"/>
      <c r="F66" s="477"/>
      <c r="G66" s="101"/>
      <c r="H66" s="304"/>
      <c r="I66" s="652"/>
    </row>
    <row r="67" spans="1:9" s="95" customFormat="1" ht="9.9499999999999993" customHeight="1">
      <c r="A67" s="642"/>
      <c r="B67" s="221"/>
      <c r="C67" s="221"/>
      <c r="D67" s="221"/>
      <c r="E67" s="231"/>
      <c r="F67" s="291"/>
      <c r="G67" s="102"/>
      <c r="H67" s="292"/>
      <c r="I67" s="293"/>
    </row>
    <row r="68" spans="1:9" s="95" customFormat="1" ht="9.9499999999999993" customHeight="1">
      <c r="A68" s="320" t="s">
        <v>333</v>
      </c>
      <c r="B68" s="295"/>
      <c r="C68" s="295"/>
      <c r="D68" s="295"/>
      <c r="E68" s="296"/>
      <c r="F68" s="297"/>
      <c r="G68" s="103"/>
      <c r="H68" s="298"/>
      <c r="I68" s="299"/>
    </row>
    <row r="69" spans="1:9" s="94" customFormat="1" ht="9.9499999999999993" customHeight="1">
      <c r="A69" s="645"/>
      <c r="B69" s="301"/>
      <c r="C69" s="302"/>
      <c r="D69" s="302"/>
      <c r="E69" s="302"/>
      <c r="F69" s="303"/>
      <c r="G69" s="101"/>
      <c r="H69" s="304"/>
      <c r="I69" s="305"/>
    </row>
    <row r="70" spans="1:9" s="95" customFormat="1" ht="9.9499999999999993" customHeight="1">
      <c r="A70" s="290"/>
      <c r="B70" s="221"/>
      <c r="C70" s="221"/>
      <c r="D70" s="221"/>
      <c r="E70" s="231"/>
      <c r="F70" s="636"/>
      <c r="G70" s="212"/>
      <c r="H70" s="213"/>
      <c r="I70" s="293"/>
    </row>
    <row r="71" spans="1:9" s="95" customFormat="1" ht="9.9499999999999993" customHeight="1">
      <c r="A71" s="320"/>
      <c r="B71" s="295" t="s">
        <v>281</v>
      </c>
      <c r="C71" s="295"/>
      <c r="D71" s="295"/>
      <c r="E71" s="296"/>
      <c r="F71" s="637"/>
      <c r="G71" s="206"/>
      <c r="H71" s="207"/>
      <c r="I71" s="299"/>
    </row>
    <row r="72" spans="1:9" s="94" customFormat="1" ht="9.9499999999999993" customHeight="1">
      <c r="A72" s="300"/>
      <c r="B72" s="314"/>
      <c r="C72" s="314"/>
      <c r="D72" s="301"/>
      <c r="E72" s="315"/>
      <c r="F72" s="484"/>
      <c r="G72" s="638"/>
      <c r="H72" s="304"/>
      <c r="I72" s="305"/>
    </row>
    <row r="73" spans="1:9" s="95" customFormat="1" ht="9.9499999999999993" customHeight="1">
      <c r="A73" s="290"/>
      <c r="B73" s="221"/>
      <c r="C73" s="354"/>
      <c r="D73" s="355"/>
      <c r="E73" s="355"/>
      <c r="F73" s="356"/>
      <c r="G73" s="357"/>
      <c r="H73" s="357"/>
      <c r="I73" s="293"/>
    </row>
    <row r="74" spans="1:9" s="95" customFormat="1" ht="9.9499999999999993" customHeight="1">
      <c r="A74" s="320"/>
      <c r="B74" s="295"/>
      <c r="C74" s="359"/>
      <c r="D74" s="360"/>
      <c r="E74" s="360" t="s">
        <v>334</v>
      </c>
      <c r="F74" s="356"/>
      <c r="G74" s="653"/>
      <c r="H74" s="653"/>
      <c r="I74" s="299"/>
    </row>
    <row r="75" spans="1:9" s="94" customFormat="1" ht="9.9499999999999993" customHeight="1">
      <c r="A75" s="300"/>
      <c r="B75" s="301"/>
      <c r="C75" s="371" t="s">
        <v>335</v>
      </c>
      <c r="D75" s="364"/>
      <c r="E75" s="364" t="s">
        <v>336</v>
      </c>
      <c r="F75" s="210">
        <v>1</v>
      </c>
      <c r="G75" s="304"/>
      <c r="H75" s="304"/>
      <c r="I75" s="639"/>
    </row>
    <row r="76" spans="1:9" s="95" customFormat="1" ht="9.9499999999999993" customHeight="1">
      <c r="A76" s="290"/>
      <c r="B76" s="221"/>
      <c r="C76" s="654"/>
      <c r="D76" s="655"/>
      <c r="E76" s="656"/>
      <c r="F76" s="356"/>
      <c r="G76" s="357"/>
      <c r="H76" s="102"/>
      <c r="I76" s="641"/>
    </row>
    <row r="77" spans="1:9" s="95" customFormat="1" ht="9.9499999999999993" customHeight="1">
      <c r="A77" s="320"/>
      <c r="B77" s="295"/>
      <c r="C77" s="657"/>
      <c r="D77" s="658"/>
      <c r="E77" s="659"/>
      <c r="F77" s="356"/>
      <c r="G77" s="653"/>
      <c r="H77" s="647"/>
      <c r="I77" s="299"/>
    </row>
    <row r="78" spans="1:9" s="94" customFormat="1" ht="9.9499999999999993" customHeight="1">
      <c r="A78" s="300"/>
      <c r="B78" s="484"/>
      <c r="C78" s="302" t="s">
        <v>318</v>
      </c>
      <c r="D78" s="660"/>
      <c r="E78" s="661"/>
      <c r="F78" s="210"/>
      <c r="G78" s="369"/>
      <c r="H78" s="181"/>
      <c r="I78" s="639"/>
    </row>
    <row r="79" spans="1:9" s="95" customFormat="1" ht="9.75" customHeight="1">
      <c r="A79" s="290"/>
      <c r="B79" s="68"/>
      <c r="C79" s="68"/>
      <c r="D79" s="89"/>
      <c r="E79" s="69"/>
      <c r="F79" s="70"/>
      <c r="G79" s="173"/>
      <c r="H79" s="179"/>
      <c r="I79" s="139"/>
    </row>
    <row r="80" spans="1:9" s="95" customFormat="1" ht="9.75" customHeight="1">
      <c r="A80" s="320"/>
      <c r="B80" s="73"/>
      <c r="C80" s="73"/>
      <c r="D80" s="73"/>
      <c r="E80" s="74"/>
      <c r="F80" s="75"/>
      <c r="G80" s="171"/>
      <c r="H80" s="180"/>
      <c r="I80" s="367"/>
    </row>
    <row r="81" spans="1:13" s="94" customFormat="1" ht="9.9499999999999993" customHeight="1">
      <c r="A81" s="662"/>
      <c r="B81" s="438"/>
      <c r="C81" s="438"/>
      <c r="D81" s="438"/>
      <c r="E81" s="439"/>
      <c r="F81" s="440"/>
      <c r="G81" s="441"/>
      <c r="H81" s="442"/>
      <c r="I81" s="443"/>
    </row>
    <row r="82" spans="1:13" s="96" customFormat="1" ht="30" customHeight="1">
      <c r="A82" s="116" t="s">
        <v>39</v>
      </c>
      <c r="B82" s="117" t="s">
        <v>40</v>
      </c>
      <c r="C82" s="117" t="s">
        <v>36</v>
      </c>
      <c r="D82" s="117" t="s">
        <v>37</v>
      </c>
      <c r="E82" s="117" t="s">
        <v>33</v>
      </c>
      <c r="F82" s="117" t="s">
        <v>32</v>
      </c>
      <c r="G82" s="117" t="s">
        <v>34</v>
      </c>
      <c r="H82" s="114" t="s">
        <v>35</v>
      </c>
      <c r="I82" s="118" t="s">
        <v>38</v>
      </c>
    </row>
    <row r="83" spans="1:13" s="95" customFormat="1" ht="9.9499999999999993" customHeight="1">
      <c r="A83" s="290"/>
      <c r="B83" s="221"/>
      <c r="C83" s="84"/>
      <c r="D83" s="84"/>
      <c r="E83" s="211"/>
      <c r="F83" s="478"/>
      <c r="G83" s="218"/>
      <c r="H83" s="102"/>
      <c r="I83" s="71"/>
    </row>
    <row r="84" spans="1:13" s="95" customFormat="1" ht="9.9499999999999993" customHeight="1">
      <c r="A84" s="320" t="s">
        <v>337</v>
      </c>
      <c r="B84" s="295"/>
      <c r="C84" s="472"/>
      <c r="D84" s="85"/>
      <c r="E84" s="174"/>
      <c r="F84" s="479"/>
      <c r="G84" s="219"/>
      <c r="H84" s="103"/>
      <c r="I84" s="633"/>
    </row>
    <row r="85" spans="1:13" s="94" customFormat="1" ht="9.9499999999999993" customHeight="1">
      <c r="A85" s="300"/>
      <c r="B85" s="484"/>
      <c r="C85" s="473"/>
      <c r="D85" s="86"/>
      <c r="E85" s="208"/>
      <c r="F85" s="477"/>
      <c r="G85" s="219"/>
      <c r="H85" s="304"/>
      <c r="I85" s="634"/>
    </row>
    <row r="86" spans="1:13" s="95" customFormat="1" ht="9.9499999999999993" customHeight="1">
      <c r="A86" s="290"/>
      <c r="B86" s="221"/>
      <c r="C86" s="221"/>
      <c r="D86" s="221"/>
      <c r="E86" s="211"/>
      <c r="F86" s="478"/>
      <c r="G86" s="218"/>
      <c r="H86" s="102"/>
      <c r="I86" s="71"/>
    </row>
    <row r="87" spans="1:13" s="95" customFormat="1" ht="9.9499999999999993" customHeight="1">
      <c r="A87" s="320"/>
      <c r="B87" s="295" t="s">
        <v>338</v>
      </c>
      <c r="C87" s="649"/>
      <c r="D87" s="281"/>
      <c r="E87" s="174"/>
      <c r="F87" s="479"/>
      <c r="G87" s="219"/>
      <c r="H87" s="103"/>
      <c r="I87" s="633"/>
    </row>
    <row r="88" spans="1:13" s="94" customFormat="1" ht="9.9499999999999993" customHeight="1">
      <c r="A88" s="300"/>
      <c r="B88" s="315"/>
      <c r="C88" s="244"/>
      <c r="D88" s="474"/>
      <c r="E88" s="208"/>
      <c r="F88" s="477"/>
      <c r="G88" s="557"/>
      <c r="H88" s="304"/>
      <c r="I88" s="634"/>
    </row>
    <row r="89" spans="1:13" s="95" customFormat="1" ht="9.9499999999999993" customHeight="1">
      <c r="A89" s="67"/>
      <c r="B89" s="68"/>
      <c r="C89" s="84"/>
      <c r="D89" s="84"/>
      <c r="E89" s="211"/>
      <c r="F89" s="478"/>
      <c r="G89" s="218"/>
      <c r="H89" s="102"/>
      <c r="I89" s="71"/>
      <c r="L89" s="238"/>
    </row>
    <row r="90" spans="1:13" s="95" customFormat="1" ht="9.9499999999999993" customHeight="1">
      <c r="A90" s="72"/>
      <c r="B90" s="73"/>
      <c r="C90" s="472"/>
      <c r="D90" s="85"/>
      <c r="E90" s="174"/>
      <c r="F90" s="479"/>
      <c r="G90" s="219"/>
      <c r="H90" s="103"/>
      <c r="I90" s="633"/>
      <c r="L90" s="238"/>
    </row>
    <row r="91" spans="1:13" s="94" customFormat="1" ht="9.9499999999999993" customHeight="1">
      <c r="A91" s="80"/>
      <c r="B91" s="93"/>
      <c r="C91" s="473" t="s">
        <v>339</v>
      </c>
      <c r="D91" s="86" t="s">
        <v>340</v>
      </c>
      <c r="E91" s="208" t="s">
        <v>341</v>
      </c>
      <c r="F91" s="567">
        <v>0.40500000000000003</v>
      </c>
      <c r="G91" s="219"/>
      <c r="H91" s="304"/>
      <c r="I91" s="634"/>
      <c r="L91" s="239"/>
    </row>
    <row r="92" spans="1:13" s="95" customFormat="1" ht="9.9499999999999993" customHeight="1">
      <c r="A92" s="67"/>
      <c r="B92" s="68"/>
      <c r="C92" s="84"/>
      <c r="D92" s="84"/>
      <c r="E92" s="211"/>
      <c r="F92" s="478"/>
      <c r="G92" s="218"/>
      <c r="H92" s="102"/>
      <c r="I92" s="71"/>
      <c r="K92" s="94"/>
      <c r="L92" s="238"/>
      <c r="M92" s="94"/>
    </row>
    <row r="93" spans="1:13" s="95" customFormat="1" ht="9.9499999999999993" customHeight="1">
      <c r="A93" s="72"/>
      <c r="B93" s="73"/>
      <c r="C93" s="472"/>
      <c r="D93" s="85"/>
      <c r="E93" s="174"/>
      <c r="F93" s="479"/>
      <c r="G93" s="219"/>
      <c r="H93" s="103"/>
      <c r="I93" s="633"/>
      <c r="K93" s="94"/>
      <c r="L93" s="238"/>
      <c r="M93" s="94"/>
    </row>
    <row r="94" spans="1:13" s="94" customFormat="1" ht="9.9499999999999993" customHeight="1">
      <c r="A94" s="80"/>
      <c r="B94" s="93"/>
      <c r="C94" s="473" t="s">
        <v>342</v>
      </c>
      <c r="D94" s="86"/>
      <c r="E94" s="208" t="s">
        <v>341</v>
      </c>
      <c r="F94" s="567">
        <v>0.40500000000000003</v>
      </c>
      <c r="G94" s="219"/>
      <c r="H94" s="304"/>
      <c r="I94" s="634"/>
      <c r="L94" s="239"/>
    </row>
    <row r="95" spans="1:13" s="95" customFormat="1" ht="9.9499999999999993" customHeight="1">
      <c r="A95" s="119"/>
      <c r="B95" s="120"/>
      <c r="C95" s="84"/>
      <c r="D95" s="84"/>
      <c r="E95" s="211"/>
      <c r="F95" s="551"/>
      <c r="G95" s="102"/>
      <c r="H95" s="102"/>
      <c r="I95" s="71"/>
      <c r="K95" s="94"/>
      <c r="L95" s="238"/>
      <c r="M95" s="94"/>
    </row>
    <row r="96" spans="1:13" s="95" customFormat="1" ht="9.9499999999999993" customHeight="1">
      <c r="A96" s="124"/>
      <c r="B96" s="125"/>
      <c r="C96" s="472"/>
      <c r="D96" s="85"/>
      <c r="E96" s="174"/>
      <c r="F96" s="551"/>
      <c r="G96" s="103"/>
      <c r="H96" s="298"/>
      <c r="I96" s="633"/>
      <c r="K96" s="94"/>
      <c r="L96" s="238"/>
      <c r="M96" s="94"/>
    </row>
    <row r="97" spans="1:13" s="94" customFormat="1" ht="9.9499999999999993" customHeight="1">
      <c r="A97" s="129"/>
      <c r="B97" s="130"/>
      <c r="C97" s="473" t="s">
        <v>343</v>
      </c>
      <c r="D97" s="86"/>
      <c r="E97" s="208" t="s">
        <v>344</v>
      </c>
      <c r="F97" s="554">
        <v>5.0000000000000001E-3</v>
      </c>
      <c r="G97" s="101"/>
      <c r="H97" s="304"/>
      <c r="I97" s="634"/>
      <c r="L97" s="544"/>
    </row>
    <row r="98" spans="1:13" s="95" customFormat="1" ht="9.9499999999999993" customHeight="1">
      <c r="A98" s="119"/>
      <c r="B98" s="120"/>
      <c r="C98" s="221"/>
      <c r="D98" s="221"/>
      <c r="E98" s="211"/>
      <c r="F98" s="478"/>
      <c r="G98" s="218"/>
      <c r="H98" s="102"/>
      <c r="I98" s="71"/>
      <c r="K98" s="94"/>
      <c r="L98" s="543"/>
      <c r="M98" s="94"/>
    </row>
    <row r="99" spans="1:13" s="95" customFormat="1" ht="9.9499999999999993" customHeight="1">
      <c r="A99" s="124"/>
      <c r="B99" s="125"/>
      <c r="C99" s="649"/>
      <c r="D99" s="281"/>
      <c r="E99" s="174"/>
      <c r="F99" s="479"/>
      <c r="G99" s="219"/>
      <c r="H99" s="103"/>
      <c r="I99" s="633"/>
      <c r="K99" s="94"/>
      <c r="L99" s="238"/>
      <c r="M99" s="94"/>
    </row>
    <row r="100" spans="1:13" s="94" customFormat="1" ht="9.9499999999999993" customHeight="1">
      <c r="A100" s="129"/>
      <c r="B100" s="130"/>
      <c r="C100" s="244" t="s">
        <v>318</v>
      </c>
      <c r="D100" s="474"/>
      <c r="E100" s="208"/>
      <c r="F100" s="477"/>
      <c r="G100" s="557"/>
      <c r="H100" s="304"/>
      <c r="I100" s="634"/>
      <c r="L100" s="239"/>
    </row>
    <row r="101" spans="1:13" s="95" customFormat="1" ht="9.9499999999999993" customHeight="1">
      <c r="A101" s="119"/>
      <c r="B101" s="120"/>
      <c r="C101" s="84"/>
      <c r="D101" s="84"/>
      <c r="E101" s="211"/>
      <c r="F101" s="551"/>
      <c r="G101" s="103"/>
      <c r="H101" s="102"/>
      <c r="I101" s="556"/>
      <c r="L101" s="238"/>
      <c r="M101" s="94"/>
    </row>
    <row r="102" spans="1:13" s="95" customFormat="1" ht="9.9499999999999993" customHeight="1">
      <c r="A102" s="124" t="s">
        <v>345</v>
      </c>
      <c r="B102" s="125"/>
      <c r="C102" s="472"/>
      <c r="D102" s="85"/>
      <c r="E102" s="174"/>
      <c r="F102" s="551"/>
      <c r="G102" s="103"/>
      <c r="H102" s="298"/>
      <c r="I102" s="651"/>
      <c r="L102" s="238"/>
    </row>
    <row r="103" spans="1:13" s="94" customFormat="1" ht="9.9499999999999993" customHeight="1">
      <c r="A103" s="129"/>
      <c r="B103" s="130"/>
      <c r="C103" s="473"/>
      <c r="D103" s="86"/>
      <c r="E103" s="208"/>
      <c r="F103" s="554"/>
      <c r="G103" s="101"/>
      <c r="H103" s="369"/>
      <c r="I103" s="555"/>
      <c r="L103" s="239"/>
    </row>
    <row r="104" spans="1:13" s="95" customFormat="1" ht="9.9499999999999993" customHeight="1">
      <c r="A104" s="67"/>
      <c r="B104" s="68"/>
      <c r="C104" s="84"/>
      <c r="D104" s="84"/>
      <c r="E104" s="211"/>
      <c r="F104" s="548"/>
      <c r="G104" s="102"/>
      <c r="H104" s="549"/>
      <c r="I104" s="550"/>
      <c r="J104" s="292"/>
      <c r="K104" s="559"/>
      <c r="L104" s="560"/>
      <c r="M104" s="284"/>
    </row>
    <row r="105" spans="1:13" s="95" customFormat="1" ht="9.9499999999999993" customHeight="1">
      <c r="A105" s="72"/>
      <c r="B105" s="73" t="s">
        <v>283</v>
      </c>
      <c r="C105" s="472"/>
      <c r="D105" s="85"/>
      <c r="E105" s="174"/>
      <c r="F105" s="551"/>
      <c r="G105" s="103"/>
      <c r="H105" s="552"/>
      <c r="I105" s="651"/>
      <c r="J105" s="298"/>
      <c r="K105" s="559"/>
      <c r="L105" s="561"/>
      <c r="M105" s="284"/>
    </row>
    <row r="106" spans="1:13" s="94" customFormat="1" ht="9.9499999999999993" customHeight="1">
      <c r="A106" s="80"/>
      <c r="B106" s="77"/>
      <c r="C106" s="473"/>
      <c r="D106" s="86"/>
      <c r="E106" s="208"/>
      <c r="F106" s="554"/>
      <c r="G106" s="101"/>
      <c r="H106" s="369"/>
      <c r="I106" s="555"/>
      <c r="J106" s="558"/>
      <c r="K106" s="562"/>
      <c r="L106" s="563"/>
      <c r="M106" s="286"/>
    </row>
    <row r="107" spans="1:13" s="95" customFormat="1" ht="9.9499999999999993" customHeight="1">
      <c r="A107" s="67"/>
      <c r="B107" s="68"/>
      <c r="C107" s="84"/>
      <c r="D107" s="84"/>
      <c r="E107" s="211"/>
      <c r="F107" s="478"/>
      <c r="G107" s="218"/>
      <c r="H107" s="102"/>
      <c r="I107" s="71"/>
      <c r="K107" s="284"/>
      <c r="L107" s="284"/>
      <c r="M107" s="284"/>
    </row>
    <row r="108" spans="1:13" s="95" customFormat="1" ht="9.9499999999999993" customHeight="1">
      <c r="A108" s="72"/>
      <c r="B108" s="73"/>
      <c r="C108" s="472"/>
      <c r="D108" s="85"/>
      <c r="E108" s="174"/>
      <c r="F108" s="479"/>
      <c r="G108" s="219"/>
      <c r="H108" s="103"/>
      <c r="I108" s="633"/>
      <c r="K108" s="284"/>
      <c r="L108" s="284"/>
      <c r="M108" s="284"/>
    </row>
    <row r="109" spans="1:13" s="94" customFormat="1" ht="9.9499999999999993" customHeight="1">
      <c r="A109" s="80"/>
      <c r="B109" s="93"/>
      <c r="C109" s="473" t="s">
        <v>283</v>
      </c>
      <c r="D109" s="86" t="s">
        <v>346</v>
      </c>
      <c r="E109" s="208" t="s">
        <v>347</v>
      </c>
      <c r="F109" s="566">
        <v>0.17</v>
      </c>
      <c r="G109" s="219"/>
      <c r="H109" s="304"/>
      <c r="I109" s="634"/>
      <c r="K109" s="286"/>
      <c r="L109" s="286"/>
      <c r="M109" s="286"/>
    </row>
    <row r="110" spans="1:13" s="95" customFormat="1" ht="9.9499999999999993" customHeight="1">
      <c r="A110" s="119"/>
      <c r="B110" s="120"/>
      <c r="C110" s="221"/>
      <c r="D110" s="221"/>
      <c r="E110" s="211"/>
      <c r="F110" s="478"/>
      <c r="G110" s="218"/>
      <c r="H110" s="102"/>
      <c r="I110" s="71"/>
      <c r="K110" s="284"/>
      <c r="L110" s="284"/>
      <c r="M110" s="284"/>
    </row>
    <row r="111" spans="1:13" s="95" customFormat="1" ht="9.9499999999999993" customHeight="1">
      <c r="A111" s="124"/>
      <c r="B111" s="125"/>
      <c r="C111" s="649"/>
      <c r="D111" s="281"/>
      <c r="E111" s="174"/>
      <c r="F111" s="479"/>
      <c r="G111" s="219"/>
      <c r="H111" s="103"/>
      <c r="I111" s="633"/>
      <c r="K111" s="284"/>
      <c r="L111" s="284"/>
      <c r="M111" s="284"/>
    </row>
    <row r="112" spans="1:13" s="94" customFormat="1" ht="9.9499999999999993" customHeight="1">
      <c r="A112" s="129"/>
      <c r="B112" s="130"/>
      <c r="C112" s="244"/>
      <c r="D112" s="474"/>
      <c r="E112" s="208"/>
      <c r="F112" s="477"/>
      <c r="G112" s="557"/>
      <c r="H112" s="304"/>
      <c r="I112" s="634"/>
      <c r="K112" s="286"/>
      <c r="L112" s="286"/>
      <c r="M112" s="286"/>
    </row>
    <row r="113" spans="1:13" s="95" customFormat="1" ht="9.9499999999999993" customHeight="1">
      <c r="A113" s="119"/>
      <c r="B113" s="120"/>
      <c r="C113" s="221"/>
      <c r="D113" s="221"/>
      <c r="E113" s="211"/>
      <c r="F113" s="478"/>
      <c r="G113" s="218"/>
      <c r="H113" s="102"/>
      <c r="I113" s="71"/>
      <c r="J113" s="298"/>
      <c r="K113" s="564"/>
      <c r="L113" s="565"/>
      <c r="M113" s="284"/>
    </row>
    <row r="114" spans="1:13" s="95" customFormat="1" ht="9.9499999999999993" customHeight="1">
      <c r="A114" s="124"/>
      <c r="B114" s="125"/>
      <c r="C114" s="649"/>
      <c r="D114" s="281"/>
      <c r="E114" s="174"/>
      <c r="F114" s="479"/>
      <c r="G114" s="219"/>
      <c r="H114" s="103"/>
      <c r="I114" s="633"/>
      <c r="J114" s="298"/>
      <c r="K114" s="564"/>
      <c r="L114" s="561"/>
      <c r="M114" s="284"/>
    </row>
    <row r="115" spans="1:13" s="94" customFormat="1" ht="9.9499999999999993" customHeight="1">
      <c r="A115" s="129"/>
      <c r="B115" s="130"/>
      <c r="C115" s="244"/>
      <c r="D115" s="474"/>
      <c r="E115" s="208"/>
      <c r="F115" s="477"/>
      <c r="G115" s="557"/>
      <c r="H115" s="304"/>
      <c r="I115" s="634"/>
      <c r="J115" s="558"/>
      <c r="K115" s="562"/>
      <c r="L115" s="563"/>
      <c r="M115" s="286"/>
    </row>
    <row r="116" spans="1:13" s="95" customFormat="1" ht="9.9499999999999993" customHeight="1">
      <c r="A116" s="119"/>
      <c r="B116" s="120"/>
      <c r="C116" s="84"/>
      <c r="D116" s="84"/>
      <c r="E116" s="211"/>
      <c r="F116" s="551"/>
      <c r="G116" s="103"/>
      <c r="H116" s="102"/>
      <c r="I116" s="556"/>
    </row>
    <row r="117" spans="1:13" s="95" customFormat="1" ht="9.9499999999999993" customHeight="1">
      <c r="A117" s="124"/>
      <c r="B117" s="125"/>
      <c r="C117" s="472"/>
      <c r="D117" s="85"/>
      <c r="E117" s="174"/>
      <c r="F117" s="551"/>
      <c r="G117" s="103"/>
      <c r="H117" s="298"/>
      <c r="I117" s="651"/>
    </row>
    <row r="118" spans="1:13" s="94" customFormat="1" ht="9.9499999999999993" customHeight="1">
      <c r="A118" s="129"/>
      <c r="B118" s="130"/>
      <c r="C118" s="473"/>
      <c r="D118" s="86"/>
      <c r="E118" s="208"/>
      <c r="F118" s="554"/>
      <c r="G118" s="101"/>
      <c r="H118" s="369"/>
      <c r="I118" s="555"/>
    </row>
    <row r="119" spans="1:13" s="95" customFormat="1" ht="9.9499999999999993" customHeight="1">
      <c r="A119" s="119"/>
      <c r="B119" s="120"/>
      <c r="C119" s="120"/>
      <c r="D119" s="121"/>
      <c r="E119" s="121"/>
      <c r="F119" s="122"/>
      <c r="G119" s="106"/>
      <c r="H119" s="112"/>
      <c r="I119" s="142"/>
    </row>
    <row r="120" spans="1:13" s="95" customFormat="1" ht="9.9499999999999993" customHeight="1">
      <c r="A120" s="124"/>
      <c r="B120" s="125"/>
      <c r="C120" s="125"/>
      <c r="D120" s="126"/>
      <c r="E120" s="126"/>
      <c r="F120" s="127"/>
      <c r="G120" s="107"/>
      <c r="H120" s="113"/>
      <c r="I120" s="128"/>
    </row>
    <row r="121" spans="1:13" s="94" customFormat="1" ht="9.9499999999999993" customHeight="1">
      <c r="A121" s="143"/>
      <c r="B121" s="144"/>
      <c r="C121" s="438"/>
      <c r="D121" s="438"/>
      <c r="E121" s="439"/>
      <c r="F121" s="146"/>
      <c r="G121" s="147"/>
      <c r="H121" s="600"/>
      <c r="I121" s="601"/>
    </row>
    <row r="122" spans="1:13" s="91" customFormat="1" ht="30" customHeight="1">
      <c r="A122" s="962" t="s">
        <v>31</v>
      </c>
      <c r="B122" s="963"/>
      <c r="C122" s="963"/>
      <c r="D122" s="963"/>
      <c r="E122" s="963"/>
      <c r="F122" s="963"/>
      <c r="G122" s="963"/>
      <c r="H122" s="963"/>
      <c r="I122" s="964"/>
    </row>
    <row r="123" spans="1:13" s="90" customFormat="1" ht="30" customHeight="1">
      <c r="A123" s="116" t="s">
        <v>22</v>
      </c>
      <c r="B123" s="117" t="s">
        <v>23</v>
      </c>
      <c r="C123" s="117" t="s">
        <v>24</v>
      </c>
      <c r="D123" s="117" t="s">
        <v>25</v>
      </c>
      <c r="E123" s="117" t="s">
        <v>26</v>
      </c>
      <c r="F123" s="117" t="s">
        <v>27</v>
      </c>
      <c r="G123" s="591" t="s">
        <v>28</v>
      </c>
      <c r="H123" s="592" t="s">
        <v>29</v>
      </c>
      <c r="I123" s="118" t="s">
        <v>30</v>
      </c>
    </row>
    <row r="124" spans="1:13" s="95" customFormat="1" ht="9.9499999999999993" customHeight="1">
      <c r="A124" s="642"/>
      <c r="B124" s="221"/>
      <c r="C124" s="221"/>
      <c r="D124" s="221"/>
      <c r="E124" s="231"/>
      <c r="F124" s="291"/>
      <c r="G124" s="102"/>
      <c r="H124" s="292"/>
      <c r="I124" s="293"/>
    </row>
    <row r="125" spans="1:13" s="95" customFormat="1" ht="9.9499999999999993" customHeight="1">
      <c r="A125" s="320"/>
      <c r="B125" s="295"/>
      <c r="C125" s="295"/>
      <c r="D125" s="295"/>
      <c r="E125" s="296"/>
      <c r="F125" s="297"/>
      <c r="G125" s="103"/>
      <c r="H125" s="298"/>
      <c r="I125" s="299"/>
    </row>
    <row r="126" spans="1:13" s="94" customFormat="1" ht="9.9499999999999993" customHeight="1">
      <c r="A126" s="645"/>
      <c r="B126" s="301"/>
      <c r="C126" s="302"/>
      <c r="D126" s="302"/>
      <c r="E126" s="302"/>
      <c r="F126" s="303"/>
      <c r="G126" s="101"/>
      <c r="H126" s="304"/>
      <c r="I126" s="305"/>
    </row>
    <row r="127" spans="1:13" s="95" customFormat="1" ht="9.9499999999999993" customHeight="1">
      <c r="A127" s="290"/>
      <c r="B127" s="221"/>
      <c r="C127" s="221"/>
      <c r="D127" s="221"/>
      <c r="E127" s="231"/>
      <c r="F127" s="636"/>
      <c r="G127" s="212"/>
      <c r="H127" s="213"/>
      <c r="I127" s="293"/>
    </row>
    <row r="128" spans="1:13" s="95" customFormat="1" ht="9.9499999999999993" customHeight="1">
      <c r="A128" s="320"/>
      <c r="B128" s="295"/>
      <c r="C128" s="295"/>
      <c r="D128" s="295"/>
      <c r="E128" s="296"/>
      <c r="F128" s="637"/>
      <c r="G128" s="206"/>
      <c r="H128" s="207"/>
      <c r="I128" s="299"/>
    </row>
    <row r="129" spans="1:9" s="94" customFormat="1" ht="9.9499999999999993" customHeight="1">
      <c r="A129" s="300"/>
      <c r="B129" s="314"/>
      <c r="C129" s="314"/>
      <c r="D129" s="301"/>
      <c r="E129" s="315"/>
      <c r="F129" s="484"/>
      <c r="G129" s="638"/>
      <c r="H129" s="304"/>
      <c r="I129" s="305"/>
    </row>
    <row r="130" spans="1:9" s="95" customFormat="1" ht="9.9499999999999993" customHeight="1">
      <c r="A130" s="290"/>
      <c r="B130" s="221"/>
      <c r="C130" s="354"/>
      <c r="D130" s="355"/>
      <c r="E130" s="355"/>
      <c r="F130" s="356"/>
      <c r="G130" s="357"/>
      <c r="H130" s="357"/>
      <c r="I130" s="293"/>
    </row>
    <row r="131" spans="1:9" s="95" customFormat="1" ht="9.9499999999999993" customHeight="1">
      <c r="A131" s="320"/>
      <c r="B131" s="295"/>
      <c r="C131" s="359"/>
      <c r="D131" s="360"/>
      <c r="E131" s="360"/>
      <c r="F131" s="356"/>
      <c r="G131" s="653"/>
      <c r="H131" s="653"/>
      <c r="I131" s="299"/>
    </row>
    <row r="132" spans="1:9" s="94" customFormat="1" ht="9.9499999999999993" customHeight="1">
      <c r="A132" s="300"/>
      <c r="B132" s="301"/>
      <c r="C132" s="371"/>
      <c r="D132" s="364"/>
      <c r="E132" s="364"/>
      <c r="F132" s="210"/>
      <c r="G132" s="304"/>
      <c r="H132" s="304"/>
      <c r="I132" s="639"/>
    </row>
    <row r="133" spans="1:9" s="95" customFormat="1" ht="9.9499999999999993" customHeight="1">
      <c r="A133" s="290"/>
      <c r="B133" s="221"/>
      <c r="C133" s="654"/>
      <c r="D133" s="655"/>
      <c r="E133" s="656"/>
      <c r="F133" s="356"/>
      <c r="G133" s="357"/>
      <c r="H133" s="102"/>
      <c r="I133" s="641"/>
    </row>
    <row r="134" spans="1:9" s="95" customFormat="1" ht="9.9499999999999993" customHeight="1">
      <c r="A134" s="320"/>
      <c r="B134" s="295"/>
      <c r="C134" s="657"/>
      <c r="D134" s="658"/>
      <c r="E134" s="659"/>
      <c r="F134" s="356"/>
      <c r="G134" s="653"/>
      <c r="H134" s="647"/>
      <c r="I134" s="299"/>
    </row>
    <row r="135" spans="1:9" s="94" customFormat="1" ht="9.9499999999999993" customHeight="1">
      <c r="A135" s="300"/>
      <c r="B135" s="484"/>
      <c r="C135" s="302"/>
      <c r="D135" s="660"/>
      <c r="E135" s="661"/>
      <c r="F135" s="210"/>
      <c r="G135" s="369"/>
      <c r="H135" s="181"/>
      <c r="I135" s="639"/>
    </row>
    <row r="136" spans="1:9" s="95" customFormat="1" ht="9.9499999999999993" customHeight="1">
      <c r="A136" s="290"/>
      <c r="B136" s="221"/>
      <c r="C136" s="654"/>
      <c r="D136" s="655"/>
      <c r="E136" s="656"/>
      <c r="F136" s="356"/>
      <c r="G136" s="357"/>
      <c r="H136" s="357"/>
      <c r="I136" s="332"/>
    </row>
    <row r="137" spans="1:9" s="95" customFormat="1" ht="9.9499999999999993" customHeight="1">
      <c r="A137" s="320"/>
      <c r="B137" s="295"/>
      <c r="C137" s="657"/>
      <c r="D137" s="658"/>
      <c r="E137" s="659"/>
      <c r="F137" s="356"/>
      <c r="G137" s="653"/>
      <c r="H137" s="653"/>
      <c r="I137" s="299"/>
    </row>
    <row r="138" spans="1:9" s="94" customFormat="1" ht="9.9499999999999993" customHeight="1">
      <c r="A138" s="300"/>
      <c r="B138" s="484"/>
      <c r="C138" s="302"/>
      <c r="D138" s="660"/>
      <c r="E138" s="661"/>
      <c r="F138" s="210"/>
      <c r="G138" s="369"/>
      <c r="H138" s="365"/>
      <c r="I138" s="337"/>
    </row>
    <row r="139" spans="1:9" s="95" customFormat="1" ht="9.9499999999999993" customHeight="1">
      <c r="A139" s="290"/>
      <c r="B139" s="221"/>
      <c r="C139" s="221"/>
      <c r="D139" s="231"/>
      <c r="E139" s="231"/>
      <c r="F139" s="291"/>
      <c r="G139" s="102"/>
      <c r="H139" s="292"/>
      <c r="I139" s="293"/>
    </row>
    <row r="140" spans="1:9" s="95" customFormat="1" ht="9.9499999999999993" customHeight="1">
      <c r="A140" s="320"/>
      <c r="B140" s="295"/>
      <c r="C140" s="295"/>
      <c r="D140" s="296"/>
      <c r="E140" s="296"/>
      <c r="F140" s="297"/>
      <c r="G140" s="103"/>
      <c r="H140" s="298"/>
      <c r="I140" s="299"/>
    </row>
    <row r="141" spans="1:9" s="94" customFormat="1" ht="9.9499999999999993" customHeight="1">
      <c r="A141" s="300"/>
      <c r="B141" s="315"/>
      <c r="C141" s="301"/>
      <c r="D141" s="329"/>
      <c r="E141" s="315"/>
      <c r="F141" s="330"/>
      <c r="G141" s="210"/>
      <c r="H141" s="331"/>
      <c r="I141" s="305"/>
    </row>
    <row r="142" spans="1:9" s="95" customFormat="1" ht="9.9499999999999993" customHeight="1">
      <c r="A142" s="642"/>
      <c r="B142" s="221"/>
      <c r="C142" s="221"/>
      <c r="D142" s="231"/>
      <c r="E142" s="231"/>
      <c r="F142" s="356"/>
      <c r="G142" s="357"/>
      <c r="H142" s="357"/>
      <c r="I142" s="332"/>
    </row>
    <row r="143" spans="1:9" s="95" customFormat="1" ht="9.9499999999999993" customHeight="1">
      <c r="A143" s="320"/>
      <c r="B143" s="295"/>
      <c r="C143" s="295"/>
      <c r="D143" s="296"/>
      <c r="E143" s="296"/>
      <c r="F143" s="356"/>
      <c r="G143" s="653"/>
      <c r="H143" s="653"/>
      <c r="I143" s="641"/>
    </row>
    <row r="144" spans="1:9" s="94" customFormat="1" ht="9.9499999999999993" customHeight="1">
      <c r="A144" s="645"/>
      <c r="B144" s="314"/>
      <c r="C144" s="182"/>
      <c r="D144" s="182"/>
      <c r="E144" s="78"/>
      <c r="F144" s="210"/>
      <c r="G144" s="209"/>
      <c r="H144" s="209"/>
      <c r="I144" s="652"/>
    </row>
    <row r="145" spans="1:9" s="95" customFormat="1" ht="9.9499999999999993" customHeight="1">
      <c r="A145" s="290"/>
      <c r="B145" s="68"/>
      <c r="C145" s="68"/>
      <c r="D145" s="89"/>
      <c r="E145" s="69"/>
      <c r="F145" s="356"/>
      <c r="G145" s="336"/>
      <c r="H145" s="102"/>
      <c r="I145" s="332"/>
    </row>
    <row r="146" spans="1:9" s="95" customFormat="1" ht="9.9499999999999993" customHeight="1">
      <c r="A146" s="320"/>
      <c r="B146" s="73"/>
      <c r="C146" s="73"/>
      <c r="D146" s="73"/>
      <c r="E146" s="74"/>
      <c r="F146" s="356"/>
      <c r="G146" s="336"/>
      <c r="H146" s="647"/>
      <c r="I146" s="641"/>
    </row>
    <row r="147" spans="1:9" s="94" customFormat="1" ht="9.9499999999999993" customHeight="1">
      <c r="A147" s="300"/>
      <c r="B147" s="77"/>
      <c r="C147" s="77"/>
      <c r="D147" s="77"/>
      <c r="E147" s="78"/>
      <c r="F147" s="483"/>
      <c r="G147" s="348"/>
      <c r="H147" s="181"/>
      <c r="I147" s="652"/>
    </row>
    <row r="148" spans="1:9" s="95" customFormat="1" ht="9.9499999999999993" customHeight="1">
      <c r="A148" s="646"/>
      <c r="B148" s="221"/>
      <c r="C148" s="221"/>
      <c r="D148" s="350"/>
      <c r="E148" s="231"/>
      <c r="F148" s="356"/>
      <c r="G148" s="336"/>
      <c r="H148" s="102"/>
      <c r="I148" s="663"/>
    </row>
    <row r="149" spans="1:9" s="95" customFormat="1" ht="9.9499999999999993" customHeight="1">
      <c r="A149" s="646"/>
      <c r="B149" s="295"/>
      <c r="C149" s="295"/>
      <c r="D149" s="327"/>
      <c r="E149" s="296"/>
      <c r="F149" s="356"/>
      <c r="G149" s="336"/>
      <c r="H149" s="647"/>
      <c r="I149" s="664"/>
    </row>
    <row r="150" spans="1:9" s="94" customFormat="1" ht="9.9499999999999993" customHeight="1">
      <c r="A150" s="648"/>
      <c r="B150" s="301"/>
      <c r="C150" s="301"/>
      <c r="D150" s="301"/>
      <c r="E150" s="315"/>
      <c r="F150" s="483"/>
      <c r="G150" s="348"/>
      <c r="H150" s="181"/>
      <c r="I150" s="366"/>
    </row>
    <row r="151" spans="1:9" s="95" customFormat="1" ht="9.9499999999999993" customHeight="1">
      <c r="A151" s="646"/>
      <c r="B151" s="654"/>
      <c r="C151" s="654"/>
      <c r="D151" s="655"/>
      <c r="E151" s="656"/>
      <c r="F151" s="356"/>
      <c r="G151" s="357"/>
      <c r="H151" s="102"/>
      <c r="I151" s="332"/>
    </row>
    <row r="152" spans="1:9" s="95" customFormat="1" ht="9.9499999999999993" customHeight="1">
      <c r="A152" s="646"/>
      <c r="B152" s="657"/>
      <c r="C152" s="657"/>
      <c r="D152" s="658"/>
      <c r="E152" s="659"/>
      <c r="F152" s="356"/>
      <c r="G152" s="653"/>
      <c r="H152" s="647"/>
      <c r="I152" s="641"/>
    </row>
    <row r="153" spans="1:9" s="94" customFormat="1" ht="9.9499999999999993" customHeight="1">
      <c r="A153" s="648"/>
      <c r="B153" s="484"/>
      <c r="C153" s="302"/>
      <c r="D153" s="660"/>
      <c r="E153" s="661"/>
      <c r="F153" s="210"/>
      <c r="G153" s="369"/>
      <c r="H153" s="181"/>
      <c r="I153" s="652"/>
    </row>
    <row r="154" spans="1:9" s="95" customFormat="1" ht="9.9499999999999993" customHeight="1">
      <c r="A154" s="642"/>
      <c r="B154" s="221"/>
      <c r="C154" s="221"/>
      <c r="D154" s="231"/>
      <c r="E154" s="231"/>
      <c r="F154" s="335"/>
      <c r="G154" s="336"/>
      <c r="H154" s="102"/>
      <c r="I154" s="663"/>
    </row>
    <row r="155" spans="1:9" s="95" customFormat="1" ht="9.9499999999999993" customHeight="1">
      <c r="A155" s="320"/>
      <c r="B155" s="295"/>
      <c r="C155" s="295"/>
      <c r="D155" s="296"/>
      <c r="E155" s="296"/>
      <c r="F155" s="335"/>
      <c r="G155" s="336"/>
      <c r="H155" s="647"/>
      <c r="I155" s="664"/>
    </row>
    <row r="156" spans="1:9" s="94" customFormat="1" ht="9.9499999999999993" customHeight="1">
      <c r="A156" s="645"/>
      <c r="B156" s="77"/>
      <c r="C156" s="182"/>
      <c r="D156" s="182"/>
      <c r="E156" s="78"/>
      <c r="F156" s="77"/>
      <c r="G156" s="348"/>
      <c r="H156" s="181"/>
      <c r="I156" s="366"/>
    </row>
    <row r="157" spans="1:9" s="95" customFormat="1" ht="9.9499999999999993" customHeight="1">
      <c r="A157" s="290"/>
      <c r="B157" s="68"/>
      <c r="C157" s="68"/>
      <c r="D157" s="89"/>
      <c r="E157" s="69"/>
      <c r="F157" s="70"/>
      <c r="G157" s="173"/>
      <c r="H157" s="179"/>
      <c r="I157" s="139"/>
    </row>
    <row r="158" spans="1:9" s="95" customFormat="1" ht="9.9499999999999993" customHeight="1">
      <c r="A158" s="320"/>
      <c r="B158" s="73"/>
      <c r="C158" s="73"/>
      <c r="D158" s="73"/>
      <c r="E158" s="74"/>
      <c r="F158" s="75"/>
      <c r="G158" s="171"/>
      <c r="H158" s="180"/>
      <c r="I158" s="367"/>
    </row>
    <row r="159" spans="1:9" s="94" customFormat="1" ht="9.9499999999999993" customHeight="1">
      <c r="A159" s="300"/>
      <c r="B159" s="77"/>
      <c r="C159" s="77"/>
      <c r="D159" s="77"/>
      <c r="E159" s="78"/>
      <c r="F159" s="79"/>
      <c r="G159" s="368"/>
      <c r="H159" s="181"/>
      <c r="I159" s="366"/>
    </row>
    <row r="160" spans="1:9" s="95" customFormat="1" ht="9.75" customHeight="1">
      <c r="A160" s="290"/>
      <c r="B160" s="68"/>
      <c r="C160" s="68"/>
      <c r="D160" s="89"/>
      <c r="E160" s="69"/>
      <c r="F160" s="70"/>
      <c r="G160" s="173"/>
      <c r="H160" s="179"/>
      <c r="I160" s="139"/>
    </row>
    <row r="161" spans="1:9" s="95" customFormat="1" ht="9.75" customHeight="1">
      <c r="A161" s="320"/>
      <c r="B161" s="73"/>
      <c r="C161" s="73"/>
      <c r="D161" s="73"/>
      <c r="E161" s="74"/>
      <c r="F161" s="75"/>
      <c r="G161" s="171"/>
      <c r="H161" s="180"/>
      <c r="I161" s="367"/>
    </row>
    <row r="162" spans="1:9" s="94" customFormat="1" ht="9.9499999999999993" customHeight="1">
      <c r="A162" s="662"/>
      <c r="B162" s="438"/>
      <c r="C162" s="438"/>
      <c r="D162" s="438"/>
      <c r="E162" s="439"/>
      <c r="F162" s="440"/>
      <c r="G162" s="441"/>
      <c r="H162" s="442"/>
      <c r="I162" s="443"/>
    </row>
  </sheetData>
  <mergeCells count="2">
    <mergeCell ref="A41:I41"/>
    <mergeCell ref="A122:I122"/>
  </mergeCells>
  <phoneticPr fontId="3"/>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Q426"/>
  <sheetViews>
    <sheetView showGridLines="0" zoomScale="145" zoomScaleNormal="145" zoomScaleSheetLayoutView="77"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67"/>
      <c r="B2" s="68"/>
      <c r="C2" s="68"/>
      <c r="D2" s="68"/>
      <c r="E2" s="69"/>
      <c r="F2" s="70"/>
      <c r="G2" s="98"/>
      <c r="H2" s="98"/>
      <c r="I2" s="71"/>
    </row>
    <row r="3" spans="1:13" s="95" customFormat="1" ht="9.9499999999999993" customHeight="1">
      <c r="A3" s="72" t="s">
        <v>348</v>
      </c>
      <c r="B3" s="73"/>
      <c r="C3" s="73"/>
      <c r="D3" s="73"/>
      <c r="E3" s="74"/>
      <c r="F3" s="75"/>
      <c r="G3" s="99"/>
      <c r="H3" s="99"/>
      <c r="I3" s="76"/>
    </row>
    <row r="4" spans="1:13" s="94" customFormat="1" ht="9.9499999999999993" customHeight="1">
      <c r="A4" s="80"/>
      <c r="B4" s="77"/>
      <c r="C4" s="77"/>
      <c r="D4" s="77"/>
      <c r="E4" s="78"/>
      <c r="F4" s="79"/>
      <c r="G4" s="100"/>
      <c r="H4" s="97"/>
      <c r="I4" s="186"/>
    </row>
    <row r="5" spans="1:13" s="95" customFormat="1" ht="9.9499999999999993" customHeight="1">
      <c r="A5" s="67"/>
      <c r="B5" s="68"/>
      <c r="C5" s="630"/>
      <c r="D5" s="68"/>
      <c r="E5" s="69"/>
      <c r="F5" s="70"/>
      <c r="G5" s="98"/>
      <c r="H5" s="98"/>
      <c r="I5" s="71"/>
    </row>
    <row r="6" spans="1:13" s="95" customFormat="1" ht="9.9499999999999993" customHeight="1">
      <c r="A6" s="72"/>
      <c r="B6" s="73" t="s">
        <v>315</v>
      </c>
      <c r="C6" s="631"/>
      <c r="D6" s="73"/>
      <c r="E6" s="74"/>
      <c r="F6" s="75"/>
      <c r="G6" s="99"/>
      <c r="H6" s="99"/>
      <c r="I6" s="76"/>
    </row>
    <row r="7" spans="1:13" s="94" customFormat="1" ht="9.9499999999999993" customHeight="1">
      <c r="A7" s="80"/>
      <c r="B7" s="77"/>
      <c r="C7" s="632"/>
      <c r="D7" s="77"/>
      <c r="E7" s="78"/>
      <c r="F7" s="79"/>
      <c r="G7" s="100"/>
      <c r="H7" s="97"/>
      <c r="I7" s="190"/>
    </row>
    <row r="8" spans="1:13" s="95" customFormat="1" ht="9.9499999999999993" customHeight="1">
      <c r="A8" s="67"/>
      <c r="B8" s="68"/>
      <c r="C8" s="68" t="s">
        <v>282</v>
      </c>
      <c r="D8" s="85"/>
      <c r="E8" s="231"/>
      <c r="F8" s="225"/>
      <c r="G8" s="102"/>
      <c r="H8" s="230"/>
      <c r="I8" s="71"/>
      <c r="L8" s="238"/>
    </row>
    <row r="9" spans="1:13" s="95" customFormat="1" ht="9.9499999999999993" customHeight="1">
      <c r="A9" s="72"/>
      <c r="B9" s="73"/>
      <c r="C9" s="73" t="s">
        <v>316</v>
      </c>
      <c r="D9" s="85"/>
      <c r="E9" s="228"/>
      <c r="F9" s="227"/>
      <c r="G9" s="103"/>
      <c r="H9" s="228"/>
      <c r="I9" s="633"/>
      <c r="L9" s="238"/>
    </row>
    <row r="10" spans="1:13" s="94" customFormat="1" ht="9.9499999999999993" customHeight="1">
      <c r="A10" s="80"/>
      <c r="B10" s="77"/>
      <c r="C10" s="73" t="s">
        <v>426</v>
      </c>
      <c r="D10" s="86"/>
      <c r="E10" s="245" t="s">
        <v>317</v>
      </c>
      <c r="F10" s="227">
        <v>1</v>
      </c>
      <c r="G10" s="101"/>
      <c r="H10" s="224"/>
      <c r="I10" s="634"/>
      <c r="L10" s="239"/>
    </row>
    <row r="11" spans="1:13" s="95" customFormat="1" ht="9.9499999999999993" customHeight="1">
      <c r="A11" s="67"/>
      <c r="B11" s="68"/>
      <c r="C11" s="221"/>
      <c r="D11" s="85"/>
      <c r="E11" s="231"/>
      <c r="F11" s="225"/>
      <c r="G11" s="102"/>
      <c r="H11" s="230"/>
      <c r="I11" s="71"/>
      <c r="K11" s="94"/>
      <c r="L11" s="238"/>
      <c r="M11" s="94"/>
    </row>
    <row r="12" spans="1:13" s="95" customFormat="1" ht="9.9499999999999993" customHeight="1">
      <c r="A12" s="72"/>
      <c r="B12" s="73"/>
      <c r="C12" s="244" t="s">
        <v>427</v>
      </c>
      <c r="D12" s="85"/>
      <c r="E12" s="228"/>
      <c r="F12" s="227"/>
      <c r="G12" s="103"/>
      <c r="H12" s="228"/>
      <c r="I12" s="633"/>
      <c r="K12" s="94"/>
      <c r="L12" s="238"/>
      <c r="M12" s="94"/>
    </row>
    <row r="13" spans="1:13" s="94" customFormat="1" ht="9.9499999999999993" customHeight="1">
      <c r="A13" s="80"/>
      <c r="B13" s="77"/>
      <c r="C13" s="242" t="s">
        <v>428</v>
      </c>
      <c r="D13" s="86"/>
      <c r="E13" s="245" t="s">
        <v>317</v>
      </c>
      <c r="F13" s="227">
        <v>1</v>
      </c>
      <c r="G13" s="101"/>
      <c r="H13" s="224"/>
      <c r="I13" s="634"/>
      <c r="L13" s="239"/>
    </row>
    <row r="14" spans="1:13" s="95" customFormat="1" ht="9.9499999999999993" customHeight="1">
      <c r="A14" s="67"/>
      <c r="B14" s="68"/>
      <c r="C14" s="221"/>
      <c r="D14" s="105"/>
      <c r="E14" s="231"/>
      <c r="F14" s="217"/>
      <c r="G14" s="218"/>
      <c r="H14" s="230"/>
      <c r="I14" s="71"/>
      <c r="K14" s="94"/>
      <c r="L14" s="238"/>
      <c r="M14" s="94"/>
    </row>
    <row r="15" spans="1:13" s="95" customFormat="1" ht="9.9499999999999993" customHeight="1">
      <c r="A15" s="72"/>
      <c r="B15" s="73"/>
      <c r="C15" s="281"/>
      <c r="D15" s="220"/>
      <c r="E15" s="228"/>
      <c r="F15" s="246"/>
      <c r="G15" s="219"/>
      <c r="H15" s="228"/>
      <c r="I15" s="633"/>
      <c r="K15" s="94"/>
      <c r="L15" s="238"/>
      <c r="M15" s="94"/>
    </row>
    <row r="16" spans="1:13" s="94" customFormat="1" ht="9.9499999999999993" customHeight="1">
      <c r="A16" s="80"/>
      <c r="B16" s="77"/>
      <c r="C16" s="243" t="s">
        <v>429</v>
      </c>
      <c r="D16" s="469"/>
      <c r="E16" s="245" t="s">
        <v>317</v>
      </c>
      <c r="F16" s="246">
        <v>1</v>
      </c>
      <c r="G16" s="219"/>
      <c r="H16" s="224"/>
      <c r="I16" s="634"/>
      <c r="L16" s="544"/>
    </row>
    <row r="17" spans="1:13" s="95" customFormat="1" ht="9.9499999999999993" customHeight="1">
      <c r="A17" s="67"/>
      <c r="B17" s="68"/>
      <c r="C17" s="68"/>
      <c r="D17" s="85"/>
      <c r="E17" s="231"/>
      <c r="F17" s="225"/>
      <c r="G17" s="102"/>
      <c r="H17" s="230"/>
      <c r="I17" s="71"/>
      <c r="K17" s="94"/>
      <c r="L17" s="543"/>
      <c r="M17" s="94"/>
    </row>
    <row r="18" spans="1:13" s="95" customFormat="1" ht="9.9499999999999993" customHeight="1">
      <c r="A18" s="72"/>
      <c r="B18" s="73"/>
      <c r="C18" s="73"/>
      <c r="D18" s="85"/>
      <c r="E18" s="228"/>
      <c r="F18" s="227"/>
      <c r="G18" s="103"/>
      <c r="H18" s="228"/>
      <c r="I18" s="633"/>
      <c r="K18" s="94"/>
      <c r="L18" s="238"/>
      <c r="M18" s="94"/>
    </row>
    <row r="19" spans="1:13" s="94" customFormat="1" ht="9.9499999999999993" customHeight="1">
      <c r="A19" s="80"/>
      <c r="B19" s="77"/>
      <c r="C19" s="73" t="s">
        <v>430</v>
      </c>
      <c r="D19" s="86"/>
      <c r="E19" s="245" t="s">
        <v>317</v>
      </c>
      <c r="F19" s="227">
        <v>1</v>
      </c>
      <c r="G19" s="101"/>
      <c r="H19" s="240"/>
      <c r="I19" s="634"/>
      <c r="L19" s="239"/>
    </row>
    <row r="20" spans="1:13" s="95" customFormat="1" ht="9.9499999999999993" customHeight="1">
      <c r="A20" s="67"/>
      <c r="B20" s="68"/>
      <c r="C20" s="221"/>
      <c r="D20" s="85"/>
      <c r="E20" s="231"/>
      <c r="F20" s="225"/>
      <c r="G20" s="102"/>
      <c r="H20" s="230"/>
      <c r="I20" s="71"/>
      <c r="L20" s="238"/>
      <c r="M20" s="94"/>
    </row>
    <row r="21" spans="1:13" s="95" customFormat="1" ht="9.9499999999999993" customHeight="1">
      <c r="A21" s="72"/>
      <c r="B21" s="73"/>
      <c r="C21" s="244"/>
      <c r="D21" s="85"/>
      <c r="E21" s="228"/>
      <c r="F21" s="227"/>
      <c r="G21" s="103"/>
      <c r="H21" s="228"/>
      <c r="I21" s="633"/>
      <c r="L21" s="238"/>
    </row>
    <row r="22" spans="1:13" s="94" customFormat="1" ht="9.9499999999999993" customHeight="1">
      <c r="A22" s="80"/>
      <c r="B22" s="77"/>
      <c r="C22" s="242" t="s">
        <v>349</v>
      </c>
      <c r="D22" s="86"/>
      <c r="E22" s="245"/>
      <c r="F22" s="227"/>
      <c r="G22" s="101"/>
      <c r="H22" s="224"/>
      <c r="I22" s="634"/>
      <c r="L22" s="239"/>
    </row>
    <row r="23" spans="1:13" s="95" customFormat="1" ht="9.9499999999999993" customHeight="1">
      <c r="A23" s="67"/>
      <c r="B23" s="221"/>
      <c r="C23" s="221"/>
      <c r="D23" s="221"/>
      <c r="E23" s="231"/>
      <c r="F23" s="291"/>
      <c r="G23" s="102"/>
      <c r="H23" s="292"/>
      <c r="I23" s="293"/>
    </row>
    <row r="24" spans="1:13" s="95" customFormat="1" ht="9.9499999999999993" customHeight="1">
      <c r="A24" s="72" t="s">
        <v>350</v>
      </c>
      <c r="B24" s="295"/>
      <c r="C24" s="295"/>
      <c r="D24" s="295"/>
      <c r="E24" s="296"/>
      <c r="F24" s="297"/>
      <c r="G24" s="103"/>
      <c r="H24" s="298"/>
      <c r="I24" s="299"/>
    </row>
    <row r="25" spans="1:13" s="94" customFormat="1" ht="9.9499999999999993" customHeight="1">
      <c r="A25" s="80"/>
      <c r="B25" s="301"/>
      <c r="C25" s="302"/>
      <c r="D25" s="302"/>
      <c r="E25" s="302"/>
      <c r="F25" s="303"/>
      <c r="G25" s="101"/>
      <c r="H25" s="304"/>
      <c r="I25" s="305"/>
    </row>
    <row r="26" spans="1:13" s="95" customFormat="1" ht="9.9499999999999993" customHeight="1">
      <c r="A26" s="290"/>
      <c r="B26" s="221"/>
      <c r="C26" s="221"/>
      <c r="D26" s="221"/>
      <c r="E26" s="231"/>
      <c r="F26" s="636"/>
      <c r="G26" s="212"/>
      <c r="H26" s="213"/>
      <c r="I26" s="293"/>
    </row>
    <row r="27" spans="1:13" s="95" customFormat="1" ht="9.9499999999999993" customHeight="1">
      <c r="A27" s="320"/>
      <c r="B27" s="295" t="s">
        <v>320</v>
      </c>
      <c r="C27" s="295"/>
      <c r="D27" s="295"/>
      <c r="E27" s="296"/>
      <c r="F27" s="637"/>
      <c r="G27" s="206"/>
      <c r="H27" s="207"/>
      <c r="I27" s="299"/>
    </row>
    <row r="28" spans="1:13" s="94" customFormat="1" ht="9.9499999999999993" customHeight="1">
      <c r="A28" s="300"/>
      <c r="B28" s="314"/>
      <c r="C28" s="314"/>
      <c r="D28" s="301"/>
      <c r="E28" s="315"/>
      <c r="F28" s="484"/>
      <c r="G28" s="638"/>
      <c r="H28" s="304"/>
      <c r="I28" s="305"/>
    </row>
    <row r="29" spans="1:13" s="95" customFormat="1" ht="9.9499999999999993" customHeight="1">
      <c r="A29" s="290"/>
      <c r="B29" s="221"/>
      <c r="C29" s="221"/>
      <c r="D29" s="295"/>
      <c r="E29" s="231"/>
      <c r="F29" s="291"/>
      <c r="G29" s="102"/>
      <c r="H29" s="292"/>
      <c r="I29" s="293"/>
    </row>
    <row r="30" spans="1:13" s="95" customFormat="1" ht="9.9499999999999993" customHeight="1">
      <c r="A30" s="320"/>
      <c r="B30" s="295"/>
      <c r="C30" s="295"/>
      <c r="D30" s="295"/>
      <c r="E30" s="296"/>
      <c r="F30" s="297"/>
      <c r="G30" s="103"/>
      <c r="H30" s="298"/>
      <c r="I30" s="299"/>
    </row>
    <row r="31" spans="1:13" s="94" customFormat="1" ht="9.9499999999999993" customHeight="1">
      <c r="A31" s="300"/>
      <c r="B31" s="301"/>
      <c r="C31" s="295" t="s">
        <v>321</v>
      </c>
      <c r="D31" s="301" t="s">
        <v>322</v>
      </c>
      <c r="E31" s="315" t="s">
        <v>69</v>
      </c>
      <c r="F31" s="322">
        <v>2</v>
      </c>
      <c r="G31" s="101"/>
      <c r="H31" s="304"/>
      <c r="I31" s="639"/>
    </row>
    <row r="32" spans="1:13" s="95" customFormat="1" ht="9.9499999999999993" customHeight="1">
      <c r="A32" s="290"/>
      <c r="B32" s="221"/>
      <c r="C32" s="221"/>
      <c r="D32" s="324"/>
      <c r="E32" s="231"/>
      <c r="F32" s="291"/>
      <c r="G32" s="102"/>
      <c r="H32" s="640"/>
      <c r="I32" s="641"/>
    </row>
    <row r="33" spans="1:9" s="95" customFormat="1" ht="9.9499999999999993" customHeight="1">
      <c r="A33" s="320"/>
      <c r="B33" s="295"/>
      <c r="C33" s="295"/>
      <c r="D33" s="327" t="s">
        <v>323</v>
      </c>
      <c r="E33" s="296"/>
      <c r="F33" s="297"/>
      <c r="G33" s="103"/>
      <c r="H33" s="103"/>
      <c r="I33" s="299"/>
    </row>
    <row r="34" spans="1:9" s="94" customFormat="1" ht="9.9499999999999993" customHeight="1">
      <c r="A34" s="300"/>
      <c r="B34" s="301"/>
      <c r="C34" s="314" t="s">
        <v>324</v>
      </c>
      <c r="D34" s="301" t="s">
        <v>325</v>
      </c>
      <c r="E34" s="315" t="s">
        <v>69</v>
      </c>
      <c r="F34" s="328">
        <v>9</v>
      </c>
      <c r="G34" s="101"/>
      <c r="H34" s="304"/>
      <c r="I34" s="639"/>
    </row>
    <row r="35" spans="1:9" s="95" customFormat="1" ht="9.9499999999999993" customHeight="1">
      <c r="A35" s="290"/>
      <c r="B35" s="221"/>
      <c r="C35" s="221"/>
      <c r="D35" s="221"/>
      <c r="E35" s="231"/>
      <c r="F35" s="291"/>
      <c r="G35" s="102"/>
      <c r="H35" s="640"/>
      <c r="I35" s="641"/>
    </row>
    <row r="36" spans="1:9" s="95" customFormat="1" ht="9.9499999999999993" customHeight="1">
      <c r="A36" s="320"/>
      <c r="B36" s="295"/>
      <c r="C36" s="295"/>
      <c r="D36" s="295"/>
      <c r="E36" s="296"/>
      <c r="F36" s="297"/>
      <c r="G36" s="103"/>
      <c r="H36" s="103"/>
      <c r="I36" s="299"/>
    </row>
    <row r="37" spans="1:9" s="94" customFormat="1" ht="9.9499999999999993" customHeight="1">
      <c r="A37" s="300"/>
      <c r="B37" s="314"/>
      <c r="C37" s="333"/>
      <c r="D37" s="333"/>
      <c r="E37" s="334"/>
      <c r="F37" s="335"/>
      <c r="G37" s="336"/>
      <c r="H37" s="304"/>
      <c r="I37" s="639"/>
    </row>
    <row r="38" spans="1:9" s="95" customFormat="1" ht="9.9499999999999993" customHeight="1">
      <c r="A38" s="290"/>
      <c r="B38" s="221"/>
      <c r="C38" s="221"/>
      <c r="D38" s="221"/>
      <c r="E38" s="231"/>
      <c r="F38" s="291"/>
      <c r="G38" s="102"/>
      <c r="H38" s="292"/>
      <c r="I38" s="332"/>
    </row>
    <row r="39" spans="1:9" s="95" customFormat="1" ht="9.9499999999999993" customHeight="1">
      <c r="A39" s="320"/>
      <c r="B39" s="295"/>
      <c r="C39" s="295"/>
      <c r="D39" s="295"/>
      <c r="E39" s="296"/>
      <c r="F39" s="297"/>
      <c r="G39" s="103"/>
      <c r="H39" s="298"/>
      <c r="I39" s="299"/>
    </row>
    <row r="40" spans="1:9" s="94" customFormat="1" ht="9.9499999999999993" customHeight="1">
      <c r="A40" s="300"/>
      <c r="B40" s="315"/>
      <c r="C40" s="333" t="s">
        <v>318</v>
      </c>
      <c r="D40" s="333"/>
      <c r="E40" s="315"/>
      <c r="F40" s="449"/>
      <c r="G40" s="101"/>
      <c r="H40" s="304"/>
      <c r="I40" s="337"/>
    </row>
    <row r="41" spans="1:9" s="91" customFormat="1" ht="30" customHeight="1">
      <c r="A41" s="962" t="s">
        <v>31</v>
      </c>
      <c r="B41" s="963"/>
      <c r="C41" s="963"/>
      <c r="D41" s="963"/>
      <c r="E41" s="963"/>
      <c r="F41" s="963"/>
      <c r="G41" s="963"/>
      <c r="H41" s="963"/>
      <c r="I41" s="964"/>
    </row>
    <row r="42" spans="1:9" s="90" customFormat="1" ht="30" customHeight="1">
      <c r="A42" s="150" t="s">
        <v>22</v>
      </c>
      <c r="B42" s="151" t="s">
        <v>23</v>
      </c>
      <c r="C42" s="151" t="s">
        <v>24</v>
      </c>
      <c r="D42" s="151" t="s">
        <v>25</v>
      </c>
      <c r="E42" s="151" t="s">
        <v>26</v>
      </c>
      <c r="F42" s="151" t="s">
        <v>27</v>
      </c>
      <c r="G42" s="152" t="s">
        <v>28</v>
      </c>
      <c r="H42" s="153" t="s">
        <v>29</v>
      </c>
      <c r="I42" s="154" t="s">
        <v>30</v>
      </c>
    </row>
    <row r="43" spans="1:9" s="95" customFormat="1" ht="9.9499999999999993" customHeight="1">
      <c r="A43" s="642"/>
      <c r="B43" s="221"/>
      <c r="C43" s="354"/>
      <c r="D43" s="355"/>
      <c r="E43" s="173"/>
      <c r="F43" s="173"/>
      <c r="G43" s="643"/>
      <c r="H43" s="644"/>
      <c r="I43" s="71"/>
    </row>
    <row r="44" spans="1:9" s="95" customFormat="1" ht="9.9499999999999993" customHeight="1">
      <c r="A44" s="320" t="s">
        <v>351</v>
      </c>
      <c r="B44" s="295"/>
      <c r="C44" s="359"/>
      <c r="D44" s="360"/>
      <c r="E44" s="171"/>
      <c r="F44" s="171"/>
      <c r="G44" s="460"/>
      <c r="H44" s="452"/>
      <c r="I44" s="76"/>
    </row>
    <row r="45" spans="1:9" s="94" customFormat="1" ht="9.9499999999999993" customHeight="1">
      <c r="A45" s="645"/>
      <c r="B45" s="301"/>
      <c r="C45" s="458"/>
      <c r="D45" s="364"/>
      <c r="E45" s="461"/>
      <c r="F45" s="461"/>
      <c r="G45" s="462"/>
      <c r="H45" s="444"/>
      <c r="I45" s="186"/>
    </row>
    <row r="46" spans="1:9" s="95" customFormat="1" ht="9.9499999999999993" customHeight="1">
      <c r="A46" s="646"/>
      <c r="B46" s="221"/>
      <c r="C46" s="665"/>
      <c r="D46" s="666"/>
      <c r="E46" s="665"/>
      <c r="F46" s="666"/>
      <c r="G46" s="665"/>
      <c r="H46" s="666"/>
      <c r="I46" s="71"/>
    </row>
    <row r="47" spans="1:9" s="95" customFormat="1" ht="9.9499999999999993" customHeight="1">
      <c r="A47" s="646"/>
      <c r="B47" s="295" t="s">
        <v>306</v>
      </c>
      <c r="C47" s="665"/>
      <c r="D47" s="667"/>
      <c r="E47" s="665"/>
      <c r="F47" s="667"/>
      <c r="G47" s="665"/>
      <c r="H47" s="667"/>
      <c r="I47" s="76"/>
    </row>
    <row r="48" spans="1:9" s="94" customFormat="1" ht="9.9499999999999993" customHeight="1">
      <c r="A48" s="648"/>
      <c r="B48" s="301"/>
      <c r="C48" s="668"/>
      <c r="D48" s="302"/>
      <c r="E48" s="668"/>
      <c r="F48" s="302"/>
      <c r="G48" s="668"/>
      <c r="H48" s="302"/>
      <c r="I48" s="190"/>
    </row>
    <row r="49" spans="1:9" s="95" customFormat="1" ht="9.9499999999999993" customHeight="1">
      <c r="A49" s="290"/>
      <c r="B49" s="221"/>
      <c r="C49" s="84"/>
      <c r="D49" s="84"/>
      <c r="E49" s="211"/>
      <c r="F49" s="607"/>
      <c r="G49" s="608"/>
      <c r="H49" s="609"/>
      <c r="I49" s="71"/>
    </row>
    <row r="50" spans="1:9" s="95" customFormat="1" ht="9.9499999999999993" customHeight="1">
      <c r="A50" s="320"/>
      <c r="B50" s="295"/>
      <c r="C50" s="472"/>
      <c r="D50" s="85"/>
      <c r="E50" s="174"/>
      <c r="F50" s="610"/>
      <c r="G50" s="611"/>
      <c r="H50" s="611"/>
      <c r="I50" s="633"/>
    </row>
    <row r="51" spans="1:9" s="94" customFormat="1" ht="9.9499999999999993" customHeight="1">
      <c r="A51" s="300"/>
      <c r="B51" s="301"/>
      <c r="C51" s="473" t="s">
        <v>352</v>
      </c>
      <c r="D51" s="86" t="s">
        <v>353</v>
      </c>
      <c r="E51" s="208" t="s">
        <v>71</v>
      </c>
      <c r="F51" s="671">
        <v>6.2</v>
      </c>
      <c r="G51" s="612"/>
      <c r="H51" s="613"/>
      <c r="I51" s="634"/>
    </row>
    <row r="52" spans="1:9" s="95" customFormat="1" ht="9.9499999999999993" customHeight="1">
      <c r="A52" s="290"/>
      <c r="B52" s="221"/>
      <c r="C52" s="84"/>
      <c r="D52" s="84"/>
      <c r="E52" s="211"/>
      <c r="F52" s="672"/>
      <c r="G52" s="608"/>
      <c r="H52" s="609"/>
      <c r="I52" s="71"/>
    </row>
    <row r="53" spans="1:9" s="95" customFormat="1" ht="9.9499999999999993" customHeight="1">
      <c r="A53" s="320"/>
      <c r="B53" s="295"/>
      <c r="C53" s="472"/>
      <c r="D53" s="85"/>
      <c r="E53" s="174"/>
      <c r="F53" s="673"/>
      <c r="G53" s="611"/>
      <c r="H53" s="611"/>
      <c r="I53" s="633"/>
    </row>
    <row r="54" spans="1:9" s="94" customFormat="1" ht="9.9499999999999993" customHeight="1">
      <c r="A54" s="650"/>
      <c r="B54" s="314"/>
      <c r="C54" s="473" t="s">
        <v>352</v>
      </c>
      <c r="D54" s="86" t="s">
        <v>354</v>
      </c>
      <c r="E54" s="208" t="s">
        <v>71</v>
      </c>
      <c r="F54" s="671">
        <v>6.2</v>
      </c>
      <c r="G54" s="612"/>
      <c r="H54" s="613"/>
      <c r="I54" s="634"/>
    </row>
    <row r="55" spans="1:9" s="95" customFormat="1" ht="9.9499999999999993" customHeight="1">
      <c r="A55" s="290"/>
      <c r="B55" s="221"/>
      <c r="C55" s="84"/>
      <c r="D55" s="84"/>
      <c r="E55" s="211"/>
      <c r="F55" s="672"/>
      <c r="G55" s="608"/>
      <c r="H55" s="609"/>
      <c r="I55" s="71"/>
    </row>
    <row r="56" spans="1:9" s="95" customFormat="1" ht="9.9499999999999993" customHeight="1">
      <c r="A56" s="320"/>
      <c r="B56" s="295"/>
      <c r="C56" s="472"/>
      <c r="D56" s="85"/>
      <c r="E56" s="174"/>
      <c r="F56" s="673"/>
      <c r="G56" s="611"/>
      <c r="H56" s="611"/>
      <c r="I56" s="633"/>
    </row>
    <row r="57" spans="1:9" s="94" customFormat="1" ht="9.9499999999999993" customHeight="1">
      <c r="A57" s="300"/>
      <c r="B57" s="314"/>
      <c r="C57" s="473" t="s">
        <v>352</v>
      </c>
      <c r="D57" s="86" t="s">
        <v>355</v>
      </c>
      <c r="E57" s="208" t="s">
        <v>71</v>
      </c>
      <c r="F57" s="671">
        <v>17.5</v>
      </c>
      <c r="G57" s="612"/>
      <c r="H57" s="613"/>
      <c r="I57" s="634"/>
    </row>
    <row r="58" spans="1:9" s="95" customFormat="1" ht="9.9499999999999993" customHeight="1">
      <c r="A58" s="290"/>
      <c r="B58" s="68"/>
      <c r="C58" s="84"/>
      <c r="D58" s="84"/>
      <c r="E58" s="211"/>
      <c r="F58" s="674"/>
      <c r="G58" s="611"/>
      <c r="H58" s="609"/>
      <c r="I58" s="71"/>
    </row>
    <row r="59" spans="1:9" s="95" customFormat="1" ht="9.9499999999999993" customHeight="1">
      <c r="A59" s="320"/>
      <c r="B59" s="73"/>
      <c r="C59" s="472"/>
      <c r="D59" s="85"/>
      <c r="E59" s="174"/>
      <c r="F59" s="675"/>
      <c r="G59" s="611"/>
      <c r="H59" s="611"/>
      <c r="I59" s="633"/>
    </row>
    <row r="60" spans="1:9" s="94" customFormat="1" ht="9.9499999999999993" customHeight="1">
      <c r="A60" s="300"/>
      <c r="B60" s="77"/>
      <c r="C60" s="473" t="s">
        <v>352</v>
      </c>
      <c r="D60" s="86" t="s">
        <v>356</v>
      </c>
      <c r="E60" s="208" t="s">
        <v>71</v>
      </c>
      <c r="F60" s="676">
        <v>11.7</v>
      </c>
      <c r="G60" s="612"/>
      <c r="H60" s="613"/>
      <c r="I60" s="634"/>
    </row>
    <row r="61" spans="1:9" s="95" customFormat="1" ht="9.9499999999999993" customHeight="1">
      <c r="A61" s="67"/>
      <c r="B61" s="73"/>
      <c r="C61" s="84"/>
      <c r="D61" s="84"/>
      <c r="E61" s="211"/>
      <c r="F61" s="677"/>
      <c r="G61" s="611"/>
      <c r="H61" s="608"/>
      <c r="I61" s="556"/>
    </row>
    <row r="62" spans="1:9" s="95" customFormat="1" ht="9.9499999999999993" customHeight="1">
      <c r="A62" s="72"/>
      <c r="B62" s="73"/>
      <c r="C62" s="472" t="s">
        <v>357</v>
      </c>
      <c r="D62" s="85"/>
      <c r="E62" s="174"/>
      <c r="F62" s="677"/>
      <c r="G62" s="611"/>
      <c r="H62" s="615"/>
      <c r="I62" s="651"/>
    </row>
    <row r="63" spans="1:9" s="94" customFormat="1" ht="9.9499999999999993" customHeight="1">
      <c r="A63" s="80"/>
      <c r="B63" s="77"/>
      <c r="C63" s="473" t="s">
        <v>358</v>
      </c>
      <c r="D63" s="86"/>
      <c r="E63" s="208" t="s">
        <v>289</v>
      </c>
      <c r="F63" s="616">
        <v>1</v>
      </c>
      <c r="G63" s="612"/>
      <c r="H63" s="617"/>
      <c r="I63" s="555"/>
    </row>
    <row r="64" spans="1:9" s="95" customFormat="1" ht="9.9499999999999993" customHeight="1">
      <c r="A64" s="67"/>
      <c r="B64" s="68"/>
      <c r="C64" s="84"/>
      <c r="D64" s="84"/>
      <c r="E64" s="211"/>
      <c r="F64" s="678"/>
      <c r="G64" s="618"/>
      <c r="H64" s="609"/>
      <c r="I64" s="71"/>
    </row>
    <row r="65" spans="1:9" s="95" customFormat="1" ht="9.9499999999999993" customHeight="1">
      <c r="A65" s="72"/>
      <c r="B65" s="73"/>
      <c r="C65" s="472"/>
      <c r="D65" s="85"/>
      <c r="E65" s="174"/>
      <c r="F65" s="679"/>
      <c r="G65" s="619"/>
      <c r="H65" s="611"/>
      <c r="I65" s="633"/>
    </row>
    <row r="66" spans="1:9" s="94" customFormat="1" ht="9.9499999999999993" customHeight="1">
      <c r="A66" s="80"/>
      <c r="B66" s="77"/>
      <c r="C66" s="473" t="s">
        <v>359</v>
      </c>
      <c r="D66" s="86" t="s">
        <v>328</v>
      </c>
      <c r="E66" s="208" t="s">
        <v>71</v>
      </c>
      <c r="F66" s="679">
        <v>3.3</v>
      </c>
      <c r="G66" s="619"/>
      <c r="H66" s="613"/>
      <c r="I66" s="634"/>
    </row>
    <row r="67" spans="1:9" s="95" customFormat="1" ht="9.9499999999999993" customHeight="1">
      <c r="A67" s="67"/>
      <c r="B67" s="68"/>
      <c r="C67" s="84"/>
      <c r="D67" s="84"/>
      <c r="E67" s="211"/>
      <c r="F67" s="680"/>
      <c r="G67" s="618"/>
      <c r="H67" s="609"/>
      <c r="I67" s="71"/>
    </row>
    <row r="68" spans="1:9" s="95" customFormat="1" ht="9.9499999999999993" customHeight="1">
      <c r="A68" s="72"/>
      <c r="B68" s="73"/>
      <c r="C68" s="472"/>
      <c r="D68" s="85"/>
      <c r="E68" s="174"/>
      <c r="F68" s="681"/>
      <c r="G68" s="619"/>
      <c r="H68" s="611"/>
      <c r="I68" s="633"/>
    </row>
    <row r="69" spans="1:9" s="94" customFormat="1" ht="9.9499999999999993" customHeight="1">
      <c r="A69" s="80"/>
      <c r="B69" s="93"/>
      <c r="C69" s="473" t="s">
        <v>359</v>
      </c>
      <c r="D69" s="86" t="s">
        <v>330</v>
      </c>
      <c r="E69" s="208" t="s">
        <v>71</v>
      </c>
      <c r="F69" s="681">
        <v>9.4</v>
      </c>
      <c r="G69" s="619"/>
      <c r="H69" s="613"/>
      <c r="I69" s="634"/>
    </row>
    <row r="70" spans="1:9" s="95" customFormat="1" ht="9.9499999999999993" customHeight="1">
      <c r="A70" s="119"/>
      <c r="B70" s="120"/>
      <c r="C70" s="221"/>
      <c r="D70" s="221"/>
      <c r="E70" s="211"/>
      <c r="F70" s="680"/>
      <c r="G70" s="618"/>
      <c r="H70" s="609"/>
      <c r="I70" s="71"/>
    </row>
    <row r="71" spans="1:9" s="95" customFormat="1" ht="9.9499999999999993" customHeight="1">
      <c r="A71" s="124"/>
      <c r="B71" s="125"/>
      <c r="C71" s="649"/>
      <c r="D71" s="281"/>
      <c r="E71" s="174"/>
      <c r="F71" s="681"/>
      <c r="G71" s="619"/>
      <c r="H71" s="611"/>
      <c r="I71" s="633"/>
    </row>
    <row r="72" spans="1:9" s="94" customFormat="1" ht="9.9499999999999993" customHeight="1">
      <c r="A72" s="129"/>
      <c r="B72" s="130"/>
      <c r="C72" s="473" t="s">
        <v>359</v>
      </c>
      <c r="D72" s="474" t="s">
        <v>331</v>
      </c>
      <c r="E72" s="208" t="s">
        <v>71</v>
      </c>
      <c r="F72" s="681">
        <v>9.4</v>
      </c>
      <c r="G72" s="620"/>
      <c r="H72" s="613"/>
      <c r="I72" s="634"/>
    </row>
    <row r="73" spans="1:9" s="95" customFormat="1" ht="9.9499999999999993" customHeight="1">
      <c r="A73" s="119"/>
      <c r="B73" s="120"/>
      <c r="C73" s="84"/>
      <c r="D73" s="84"/>
      <c r="E73" s="211"/>
      <c r="F73" s="621"/>
      <c r="G73" s="611"/>
      <c r="H73" s="608"/>
      <c r="I73" s="556"/>
    </row>
    <row r="74" spans="1:9" s="95" customFormat="1" ht="9.9499999999999993" customHeight="1">
      <c r="A74" s="124"/>
      <c r="B74" s="125"/>
      <c r="C74" s="472"/>
      <c r="D74" s="85"/>
      <c r="E74" s="174"/>
      <c r="F74" s="614"/>
      <c r="G74" s="611"/>
      <c r="H74" s="615"/>
      <c r="I74" s="651"/>
    </row>
    <row r="75" spans="1:9" s="94" customFormat="1" ht="9.9499999999999993" customHeight="1">
      <c r="A75" s="129"/>
      <c r="B75" s="130"/>
      <c r="C75" s="473" t="s">
        <v>290</v>
      </c>
      <c r="D75" s="86"/>
      <c r="E75" s="208" t="s">
        <v>289</v>
      </c>
      <c r="F75" s="616">
        <v>1</v>
      </c>
      <c r="G75" s="612"/>
      <c r="H75" s="617"/>
      <c r="I75" s="555"/>
    </row>
    <row r="76" spans="1:9" s="95" customFormat="1" ht="9.9499999999999993" customHeight="1">
      <c r="A76" s="119"/>
      <c r="B76" s="120"/>
      <c r="C76" s="125"/>
      <c r="D76" s="126"/>
      <c r="E76" s="126"/>
      <c r="F76" s="622"/>
      <c r="G76" s="623"/>
      <c r="H76" s="624"/>
      <c r="I76" s="605"/>
    </row>
    <row r="77" spans="1:9" s="95" customFormat="1" ht="9.9499999999999993" customHeight="1">
      <c r="A77" s="124"/>
      <c r="B77" s="125"/>
      <c r="C77" s="125"/>
      <c r="D77" s="126"/>
      <c r="E77" s="126"/>
      <c r="F77" s="622"/>
      <c r="G77" s="623"/>
      <c r="H77" s="624"/>
      <c r="I77" s="128"/>
    </row>
    <row r="78" spans="1:9" s="94" customFormat="1" ht="9.9499999999999993" customHeight="1">
      <c r="A78" s="129"/>
      <c r="B78" s="130"/>
      <c r="C78" s="125" t="s">
        <v>360</v>
      </c>
      <c r="D78" s="130"/>
      <c r="E78" s="131" t="s">
        <v>329</v>
      </c>
      <c r="F78" s="682">
        <v>8.5</v>
      </c>
      <c r="G78" s="625"/>
      <c r="H78" s="613"/>
      <c r="I78" s="136"/>
    </row>
    <row r="79" spans="1:9" s="95" customFormat="1" ht="9.75" customHeight="1">
      <c r="A79" s="119"/>
      <c r="B79" s="120"/>
      <c r="C79" s="120"/>
      <c r="D79" s="120"/>
      <c r="E79" s="121"/>
      <c r="F79" s="626"/>
      <c r="G79" s="627"/>
      <c r="H79" s="627"/>
      <c r="I79" s="123"/>
    </row>
    <row r="80" spans="1:9" s="95" customFormat="1" ht="9.75" customHeight="1">
      <c r="A80" s="124"/>
      <c r="B80" s="125"/>
      <c r="C80" s="125"/>
      <c r="D80" s="125" t="s">
        <v>361</v>
      </c>
      <c r="E80" s="126"/>
      <c r="F80" s="622"/>
      <c r="G80" s="623"/>
      <c r="H80" s="623"/>
      <c r="I80" s="128"/>
    </row>
    <row r="81" spans="1:13" s="94" customFormat="1" ht="9.9499999999999993" customHeight="1">
      <c r="A81" s="143"/>
      <c r="B81" s="144"/>
      <c r="C81" s="596" t="s">
        <v>362</v>
      </c>
      <c r="D81" s="144" t="s">
        <v>363</v>
      </c>
      <c r="E81" s="145" t="s">
        <v>329</v>
      </c>
      <c r="F81" s="683">
        <v>1.5</v>
      </c>
      <c r="G81" s="628"/>
      <c r="H81" s="629"/>
      <c r="I81" s="149"/>
    </row>
    <row r="82" spans="1:13" s="96" customFormat="1" ht="30" customHeight="1">
      <c r="A82" s="116" t="s">
        <v>39</v>
      </c>
      <c r="B82" s="117" t="s">
        <v>40</v>
      </c>
      <c r="C82" s="117" t="s">
        <v>36</v>
      </c>
      <c r="D82" s="117" t="s">
        <v>37</v>
      </c>
      <c r="E82" s="117" t="s">
        <v>33</v>
      </c>
      <c r="F82" s="117" t="s">
        <v>32</v>
      </c>
      <c r="G82" s="117" t="s">
        <v>34</v>
      </c>
      <c r="H82" s="114" t="s">
        <v>35</v>
      </c>
      <c r="I82" s="118" t="s">
        <v>38</v>
      </c>
    </row>
    <row r="83" spans="1:13" s="95" customFormat="1" ht="9.9499999999999993" customHeight="1">
      <c r="A83" s="642"/>
      <c r="B83" s="221"/>
      <c r="C83" s="354"/>
      <c r="D83" s="355"/>
      <c r="E83" s="173"/>
      <c r="F83" s="173"/>
      <c r="G83" s="643"/>
      <c r="H83" s="644"/>
      <c r="I83" s="71"/>
    </row>
    <row r="84" spans="1:13" s="95" customFormat="1" ht="9.9499999999999993" customHeight="1">
      <c r="A84" s="320"/>
      <c r="B84" s="295"/>
      <c r="C84" s="359"/>
      <c r="D84" s="360"/>
      <c r="E84" s="171"/>
      <c r="F84" s="171"/>
      <c r="G84" s="460"/>
      <c r="H84" s="452"/>
      <c r="I84" s="76"/>
    </row>
    <row r="85" spans="1:13" s="94" customFormat="1" ht="9.9499999999999993" customHeight="1">
      <c r="A85" s="645"/>
      <c r="B85" s="301"/>
      <c r="C85" s="458" t="s">
        <v>349</v>
      </c>
      <c r="D85" s="364"/>
      <c r="E85" s="461"/>
      <c r="F85" s="461"/>
      <c r="G85" s="462"/>
      <c r="H85" s="606"/>
      <c r="I85" s="186"/>
    </row>
    <row r="86" spans="1:13" s="95" customFormat="1" ht="9.9499999999999993" customHeight="1">
      <c r="A86" s="646"/>
      <c r="B86" s="221"/>
      <c r="C86" s="665"/>
      <c r="D86" s="666"/>
      <c r="E86" s="665"/>
      <c r="F86" s="666"/>
      <c r="G86" s="665"/>
      <c r="H86" s="666"/>
      <c r="I86" s="71"/>
    </row>
    <row r="87" spans="1:13" s="95" customFormat="1" ht="9.9499999999999993" customHeight="1">
      <c r="A87" s="646"/>
      <c r="B87" s="295"/>
      <c r="C87" s="665"/>
      <c r="D87" s="667"/>
      <c r="E87" s="665"/>
      <c r="F87" s="667"/>
      <c r="G87" s="665"/>
      <c r="H87" s="667"/>
      <c r="I87" s="76"/>
    </row>
    <row r="88" spans="1:13" s="94" customFormat="1" ht="9.9499999999999993" customHeight="1">
      <c r="A88" s="648"/>
      <c r="B88" s="301"/>
      <c r="C88" s="668"/>
      <c r="D88" s="302"/>
      <c r="E88" s="668"/>
      <c r="F88" s="302"/>
      <c r="G88" s="668"/>
      <c r="H88" s="302"/>
      <c r="I88" s="190"/>
    </row>
    <row r="89" spans="1:13" s="95" customFormat="1" ht="9.9499999999999993" customHeight="1">
      <c r="A89" s="290"/>
      <c r="B89" s="221"/>
      <c r="C89" s="84"/>
      <c r="D89" s="84"/>
      <c r="E89" s="211"/>
      <c r="F89" s="291"/>
      <c r="G89" s="102"/>
      <c r="H89" s="292"/>
      <c r="I89" s="71"/>
      <c r="L89" s="238"/>
    </row>
    <row r="90" spans="1:13" s="95" customFormat="1" ht="9.9499999999999993" customHeight="1">
      <c r="A90" s="320"/>
      <c r="B90" s="295"/>
      <c r="C90" s="472"/>
      <c r="D90" s="85"/>
      <c r="E90" s="174"/>
      <c r="F90" s="297"/>
      <c r="G90" s="103"/>
      <c r="H90" s="103"/>
      <c r="I90" s="633"/>
      <c r="L90" s="238"/>
    </row>
    <row r="91" spans="1:13" s="94" customFormat="1" ht="9.9499999999999993" customHeight="1">
      <c r="A91" s="300"/>
      <c r="B91" s="301"/>
      <c r="C91" s="473"/>
      <c r="D91" s="86"/>
      <c r="E91" s="208"/>
      <c r="F91" s="466"/>
      <c r="G91" s="101"/>
      <c r="H91" s="304"/>
      <c r="I91" s="634"/>
      <c r="L91" s="239"/>
    </row>
    <row r="92" spans="1:13" s="95" customFormat="1" ht="9.9499999999999993" customHeight="1">
      <c r="A92" s="290"/>
      <c r="B92" s="221"/>
      <c r="C92" s="84"/>
      <c r="D92" s="84"/>
      <c r="E92" s="211"/>
      <c r="F92" s="291"/>
      <c r="G92" s="102"/>
      <c r="H92" s="292"/>
      <c r="I92" s="71"/>
      <c r="K92" s="94"/>
      <c r="L92" s="238"/>
      <c r="M92" s="94"/>
    </row>
    <row r="93" spans="1:13" s="95" customFormat="1" ht="9.9499999999999993" customHeight="1">
      <c r="A93" s="320" t="s">
        <v>364</v>
      </c>
      <c r="B93" s="295"/>
      <c r="C93" s="472"/>
      <c r="D93" s="85"/>
      <c r="E93" s="174"/>
      <c r="F93" s="297"/>
      <c r="G93" s="103"/>
      <c r="H93" s="103"/>
      <c r="I93" s="633"/>
      <c r="K93" s="94"/>
      <c r="L93" s="238"/>
      <c r="M93" s="94"/>
    </row>
    <row r="94" spans="1:13" s="94" customFormat="1" ht="9.9499999999999993" customHeight="1">
      <c r="A94" s="650"/>
      <c r="B94" s="314"/>
      <c r="C94" s="473"/>
      <c r="D94" s="86"/>
      <c r="E94" s="208"/>
      <c r="F94" s="466"/>
      <c r="G94" s="101"/>
      <c r="H94" s="304"/>
      <c r="I94" s="634"/>
      <c r="L94" s="239"/>
    </row>
    <row r="95" spans="1:13" s="95" customFormat="1" ht="9.9499999999999993" customHeight="1">
      <c r="A95" s="290"/>
      <c r="B95" s="221"/>
      <c r="C95" s="84"/>
      <c r="D95" s="84"/>
      <c r="E95" s="211"/>
      <c r="F95" s="291"/>
      <c r="G95" s="212"/>
      <c r="H95" s="292"/>
      <c r="I95" s="71"/>
      <c r="K95" s="94"/>
      <c r="L95" s="238"/>
      <c r="M95" s="94"/>
    </row>
    <row r="96" spans="1:13" s="95" customFormat="1" ht="9.9499999999999993" customHeight="1">
      <c r="A96" s="320"/>
      <c r="B96" s="295" t="s">
        <v>365</v>
      </c>
      <c r="C96" s="472"/>
      <c r="D96" s="85"/>
      <c r="E96" s="174"/>
      <c r="F96" s="297"/>
      <c r="G96" s="206"/>
      <c r="H96" s="103"/>
      <c r="I96" s="633"/>
      <c r="K96" s="94"/>
      <c r="L96" s="238"/>
      <c r="M96" s="94"/>
    </row>
    <row r="97" spans="1:13" s="94" customFormat="1" ht="9.9499999999999993" customHeight="1">
      <c r="A97" s="300"/>
      <c r="B97" s="314"/>
      <c r="C97" s="473"/>
      <c r="D97" s="86"/>
      <c r="E97" s="208"/>
      <c r="F97" s="466"/>
      <c r="G97" s="101"/>
      <c r="H97" s="304"/>
      <c r="I97" s="634"/>
      <c r="L97" s="544"/>
    </row>
    <row r="98" spans="1:13" s="95" customFormat="1" ht="9.9499999999999993" customHeight="1">
      <c r="A98" s="290"/>
      <c r="B98" s="68"/>
      <c r="C98" s="354"/>
      <c r="D98" s="355"/>
      <c r="E98" s="355"/>
      <c r="F98" s="356"/>
      <c r="G98" s="357"/>
      <c r="H98" s="357"/>
      <c r="I98" s="71"/>
      <c r="K98" s="94"/>
      <c r="L98" s="543"/>
      <c r="M98" s="94"/>
    </row>
    <row r="99" spans="1:13" s="95" customFormat="1" ht="9.9499999999999993" customHeight="1">
      <c r="A99" s="320"/>
      <c r="B99" s="73"/>
      <c r="C99" s="359"/>
      <c r="D99" s="360"/>
      <c r="E99" s="360" t="s">
        <v>334</v>
      </c>
      <c r="F99" s="356"/>
      <c r="G99" s="653"/>
      <c r="H99" s="653"/>
      <c r="I99" s="633"/>
      <c r="K99" s="94"/>
      <c r="L99" s="238"/>
      <c r="M99" s="94"/>
    </row>
    <row r="100" spans="1:13" s="94" customFormat="1" ht="9.9499999999999993" customHeight="1">
      <c r="A100" s="300"/>
      <c r="B100" s="77"/>
      <c r="C100" s="371" t="s">
        <v>335</v>
      </c>
      <c r="D100" s="364"/>
      <c r="E100" s="364" t="s">
        <v>336</v>
      </c>
      <c r="F100" s="210">
        <v>1</v>
      </c>
      <c r="G100" s="304"/>
      <c r="H100" s="304"/>
      <c r="I100" s="634"/>
      <c r="L100" s="239"/>
    </row>
    <row r="101" spans="1:13" s="95" customFormat="1" ht="9.9499999999999993" customHeight="1">
      <c r="A101" s="67"/>
      <c r="B101" s="73"/>
      <c r="C101" s="654"/>
      <c r="D101" s="655"/>
      <c r="E101" s="656"/>
      <c r="F101" s="356"/>
      <c r="G101" s="357"/>
      <c r="H101" s="102"/>
      <c r="I101" s="71"/>
      <c r="L101" s="238"/>
      <c r="M101" s="94"/>
    </row>
    <row r="102" spans="1:13" s="95" customFormat="1" ht="9.9499999999999993" customHeight="1">
      <c r="A102" s="72"/>
      <c r="B102" s="73"/>
      <c r="C102" s="657"/>
      <c r="D102" s="658"/>
      <c r="E102" s="659"/>
      <c r="F102" s="356"/>
      <c r="G102" s="653"/>
      <c r="H102" s="647"/>
      <c r="I102" s="633"/>
      <c r="L102" s="238"/>
    </row>
    <row r="103" spans="1:13" s="94" customFormat="1" ht="9.9499999999999993" customHeight="1">
      <c r="A103" s="80"/>
      <c r="B103" s="77"/>
      <c r="C103" s="302" t="s">
        <v>318</v>
      </c>
      <c r="D103" s="660"/>
      <c r="E103" s="661"/>
      <c r="F103" s="210"/>
      <c r="G103" s="369"/>
      <c r="H103" s="181"/>
      <c r="I103" s="634"/>
      <c r="L103" s="239"/>
    </row>
    <row r="104" spans="1:13" s="95" customFormat="1" ht="9.9499999999999993" customHeight="1">
      <c r="A104" s="67"/>
      <c r="B104" s="68"/>
      <c r="C104" s="84"/>
      <c r="D104" s="84"/>
      <c r="E104" s="211"/>
      <c r="F104" s="217"/>
      <c r="G104" s="218"/>
      <c r="H104" s="292"/>
      <c r="I104" s="71"/>
    </row>
    <row r="105" spans="1:13" s="95" customFormat="1" ht="9.9499999999999993" customHeight="1">
      <c r="A105" s="72"/>
      <c r="B105" s="73"/>
      <c r="C105" s="472"/>
      <c r="D105" s="85"/>
      <c r="E105" s="174"/>
      <c r="F105" s="246"/>
      <c r="G105" s="219"/>
      <c r="H105" s="103"/>
      <c r="I105" s="633"/>
    </row>
    <row r="106" spans="1:13" s="94" customFormat="1" ht="9.9499999999999993" customHeight="1">
      <c r="A106" s="80"/>
      <c r="B106" s="77"/>
      <c r="C106" s="473"/>
      <c r="D106" s="86"/>
      <c r="E106" s="208"/>
      <c r="F106" s="246"/>
      <c r="G106" s="219"/>
      <c r="H106" s="613"/>
      <c r="I106" s="634"/>
    </row>
    <row r="107" spans="1:13" s="95" customFormat="1" ht="9.9499999999999993" customHeight="1">
      <c r="A107" s="67"/>
      <c r="B107" s="68"/>
      <c r="C107" s="84"/>
      <c r="D107" s="84"/>
      <c r="E107" s="211"/>
      <c r="F107" s="225"/>
      <c r="G107" s="218"/>
      <c r="H107" s="292"/>
      <c r="I107" s="71"/>
    </row>
    <row r="108" spans="1:13" s="95" customFormat="1" ht="9.9499999999999993" customHeight="1">
      <c r="A108" s="72"/>
      <c r="B108" s="73"/>
      <c r="C108" s="472"/>
      <c r="D108" s="85"/>
      <c r="E108" s="174"/>
      <c r="F108" s="227"/>
      <c r="G108" s="219"/>
      <c r="H108" s="103"/>
      <c r="I108" s="633"/>
    </row>
    <row r="109" spans="1:13" s="94" customFormat="1" ht="9.9499999999999993" customHeight="1">
      <c r="A109" s="80"/>
      <c r="B109" s="93"/>
      <c r="C109" s="473"/>
      <c r="D109" s="86"/>
      <c r="E109" s="208"/>
      <c r="F109" s="227"/>
      <c r="G109" s="219"/>
      <c r="H109" s="613"/>
      <c r="I109" s="634"/>
    </row>
    <row r="110" spans="1:13" s="95" customFormat="1" ht="9.9499999999999993" customHeight="1">
      <c r="A110" s="119"/>
      <c r="B110" s="120"/>
      <c r="C110" s="221"/>
      <c r="D110" s="221"/>
      <c r="E110" s="211"/>
      <c r="F110" s="225"/>
      <c r="G110" s="218"/>
      <c r="H110" s="292"/>
      <c r="I110" s="71"/>
    </row>
    <row r="111" spans="1:13" s="95" customFormat="1" ht="9.9499999999999993" customHeight="1">
      <c r="A111" s="124"/>
      <c r="B111" s="125"/>
      <c r="C111" s="649"/>
      <c r="D111" s="281"/>
      <c r="E111" s="174"/>
      <c r="F111" s="227"/>
      <c r="G111" s="219"/>
      <c r="H111" s="103"/>
      <c r="I111" s="633"/>
    </row>
    <row r="112" spans="1:13" s="94" customFormat="1" ht="9.9499999999999993" customHeight="1">
      <c r="A112" s="129"/>
      <c r="B112" s="130"/>
      <c r="C112" s="244"/>
      <c r="D112" s="474"/>
      <c r="E112" s="208"/>
      <c r="F112" s="227"/>
      <c r="G112" s="219"/>
      <c r="H112" s="613"/>
      <c r="I112" s="634"/>
    </row>
    <row r="113" spans="1:9" s="95" customFormat="1" ht="9.9499999999999993" customHeight="1">
      <c r="A113" s="119"/>
      <c r="B113" s="120"/>
      <c r="C113" s="68"/>
      <c r="D113" s="89"/>
      <c r="E113" s="69"/>
      <c r="F113" s="70"/>
      <c r="G113" s="173"/>
      <c r="H113" s="179"/>
      <c r="I113" s="139"/>
    </row>
    <row r="114" spans="1:9" s="95" customFormat="1" ht="9.9499999999999993" customHeight="1">
      <c r="A114" s="124"/>
      <c r="B114" s="125"/>
      <c r="C114" s="73"/>
      <c r="D114" s="73"/>
      <c r="E114" s="74"/>
      <c r="F114" s="75"/>
      <c r="G114" s="171"/>
      <c r="H114" s="180"/>
      <c r="I114" s="128"/>
    </row>
    <row r="115" spans="1:9" s="94" customFormat="1" ht="9.9499999999999993" customHeight="1">
      <c r="A115" s="129"/>
      <c r="B115" s="130"/>
      <c r="C115" s="77"/>
      <c r="D115" s="77"/>
      <c r="E115" s="78"/>
      <c r="F115" s="79"/>
      <c r="G115" s="172"/>
      <c r="H115" s="613"/>
      <c r="I115" s="136"/>
    </row>
    <row r="116" spans="1:9" s="95" customFormat="1" ht="9.9499999999999993" customHeight="1">
      <c r="A116" s="119"/>
      <c r="B116" s="120"/>
      <c r="C116" s="120"/>
      <c r="D116" s="121"/>
      <c r="E116" s="121"/>
      <c r="F116" s="122"/>
      <c r="G116" s="106"/>
      <c r="H116" s="112"/>
      <c r="I116" s="142"/>
    </row>
    <row r="117" spans="1:9" s="95" customFormat="1" ht="9.9499999999999993" customHeight="1">
      <c r="A117" s="124"/>
      <c r="B117" s="125"/>
      <c r="C117" s="125"/>
      <c r="D117" s="126"/>
      <c r="E117" s="126"/>
      <c r="F117" s="127"/>
      <c r="G117" s="107"/>
      <c r="H117" s="113"/>
      <c r="I117" s="128"/>
    </row>
    <row r="118" spans="1:9" s="94" customFormat="1" ht="9.9499999999999993" customHeight="1">
      <c r="A118" s="129"/>
      <c r="B118" s="130"/>
      <c r="C118" s="125"/>
      <c r="D118" s="130"/>
      <c r="E118" s="131"/>
      <c r="F118" s="132"/>
      <c r="G118" s="108"/>
      <c r="H118" s="613"/>
      <c r="I118" s="136"/>
    </row>
    <row r="119" spans="1:9" s="95" customFormat="1" ht="9.9499999999999993" customHeight="1">
      <c r="A119" s="119"/>
      <c r="B119" s="120"/>
      <c r="C119" s="120"/>
      <c r="D119" s="120"/>
      <c r="E119" s="121"/>
      <c r="F119" s="122"/>
      <c r="G119" s="109"/>
      <c r="H119" s="109"/>
      <c r="I119" s="123"/>
    </row>
    <row r="120" spans="1:9" s="95" customFormat="1" ht="9.9499999999999993" customHeight="1">
      <c r="A120" s="124"/>
      <c r="B120" s="125"/>
      <c r="C120" s="125"/>
      <c r="D120" s="125"/>
      <c r="E120" s="126"/>
      <c r="F120" s="127"/>
      <c r="G120" s="110"/>
      <c r="H120" s="110"/>
      <c r="I120" s="128"/>
    </row>
    <row r="121" spans="1:9" s="94" customFormat="1" ht="9.9499999999999993" customHeight="1">
      <c r="A121" s="143"/>
      <c r="B121" s="130"/>
      <c r="C121" s="137"/>
      <c r="D121" s="144"/>
      <c r="E121" s="145"/>
      <c r="F121" s="146"/>
      <c r="G121" s="147"/>
      <c r="H121" s="148"/>
      <c r="I121" s="149"/>
    </row>
    <row r="122" spans="1:9" s="91" customFormat="1" ht="30" customHeight="1">
      <c r="A122" s="962" t="s">
        <v>31</v>
      </c>
      <c r="B122" s="963"/>
      <c r="C122" s="963"/>
      <c r="D122" s="963"/>
      <c r="E122" s="963"/>
      <c r="F122" s="963"/>
      <c r="G122" s="963"/>
      <c r="H122" s="963"/>
      <c r="I122" s="964"/>
    </row>
    <row r="123" spans="1:9" s="90" customFormat="1" ht="30" customHeight="1">
      <c r="A123" s="150" t="s">
        <v>22</v>
      </c>
      <c r="B123" s="151" t="s">
        <v>23</v>
      </c>
      <c r="C123" s="151" t="s">
        <v>24</v>
      </c>
      <c r="D123" s="151" t="s">
        <v>25</v>
      </c>
      <c r="E123" s="151" t="s">
        <v>26</v>
      </c>
      <c r="F123" s="151" t="s">
        <v>27</v>
      </c>
      <c r="G123" s="152" t="s">
        <v>28</v>
      </c>
      <c r="H123" s="153" t="s">
        <v>29</v>
      </c>
      <c r="I123" s="154" t="s">
        <v>30</v>
      </c>
    </row>
    <row r="124" spans="1:9" s="95" customFormat="1" ht="9.9499999999999993" customHeight="1">
      <c r="A124" s="642"/>
      <c r="B124" s="221"/>
      <c r="C124" s="354"/>
      <c r="D124" s="355"/>
      <c r="E124" s="173"/>
      <c r="F124" s="173"/>
      <c r="G124" s="643"/>
      <c r="H124" s="644"/>
      <c r="I124" s="71"/>
    </row>
    <row r="125" spans="1:9" s="95" customFormat="1" ht="9.9499999999999993" customHeight="1">
      <c r="A125" s="320" t="s">
        <v>366</v>
      </c>
      <c r="B125" s="295"/>
      <c r="C125" s="359"/>
      <c r="D125" s="360"/>
      <c r="E125" s="171"/>
      <c r="F125" s="171"/>
      <c r="G125" s="460"/>
      <c r="H125" s="452"/>
      <c r="I125" s="76"/>
    </row>
    <row r="126" spans="1:9" s="94" customFormat="1" ht="9.9499999999999993" customHeight="1">
      <c r="A126" s="645"/>
      <c r="B126" s="301"/>
      <c r="C126" s="458"/>
      <c r="D126" s="364"/>
      <c r="E126" s="461"/>
      <c r="F126" s="461"/>
      <c r="G126" s="462"/>
      <c r="H126" s="444"/>
      <c r="I126" s="186"/>
    </row>
    <row r="127" spans="1:9" s="95" customFormat="1" ht="9.9499999999999993" customHeight="1">
      <c r="A127" s="290"/>
      <c r="B127" s="221"/>
      <c r="C127" s="84"/>
      <c r="D127" s="84"/>
      <c r="E127" s="211"/>
      <c r="F127" s="70"/>
      <c r="G127" s="103"/>
      <c r="H127" s="292"/>
      <c r="I127" s="71"/>
    </row>
    <row r="128" spans="1:9" s="95" customFormat="1" ht="9.9499999999999993" customHeight="1">
      <c r="A128" s="320"/>
      <c r="B128" s="295" t="s">
        <v>338</v>
      </c>
      <c r="C128" s="472"/>
      <c r="D128" s="85"/>
      <c r="E128" s="174"/>
      <c r="F128" s="75"/>
      <c r="G128" s="103"/>
      <c r="H128" s="103"/>
      <c r="I128" s="76"/>
    </row>
    <row r="129" spans="1:9" s="94" customFormat="1" ht="9.9499999999999993" customHeight="1">
      <c r="A129" s="300"/>
      <c r="B129" s="301"/>
      <c r="C129" s="473" t="s">
        <v>367</v>
      </c>
      <c r="D129" s="86" t="s">
        <v>368</v>
      </c>
      <c r="E129" s="208" t="s">
        <v>341</v>
      </c>
      <c r="F129" s="79">
        <v>1.53</v>
      </c>
      <c r="G129" s="101"/>
      <c r="H129" s="613"/>
      <c r="I129" s="190"/>
    </row>
    <row r="130" spans="1:9" s="95" customFormat="1" ht="9.9499999999999993" customHeight="1">
      <c r="A130" s="290"/>
      <c r="B130" s="221"/>
      <c r="C130" s="84"/>
      <c r="D130" s="84"/>
      <c r="E130" s="211"/>
      <c r="F130" s="470"/>
      <c r="G130" s="103"/>
      <c r="H130" s="292"/>
      <c r="I130" s="71"/>
    </row>
    <row r="131" spans="1:9" s="95" customFormat="1" ht="9.9499999999999993" customHeight="1">
      <c r="A131" s="320"/>
      <c r="B131" s="295"/>
      <c r="C131" s="472"/>
      <c r="D131" s="85"/>
      <c r="E131" s="174"/>
      <c r="F131" s="227"/>
      <c r="G131" s="103"/>
      <c r="H131" s="103"/>
      <c r="I131" s="633"/>
    </row>
    <row r="132" spans="1:9" s="94" customFormat="1" ht="9.9499999999999993" customHeight="1">
      <c r="A132" s="300"/>
      <c r="B132" s="301"/>
      <c r="C132" s="473" t="s">
        <v>369</v>
      </c>
      <c r="D132" s="86"/>
      <c r="E132" s="208" t="s">
        <v>329</v>
      </c>
      <c r="F132" s="876">
        <v>17.3</v>
      </c>
      <c r="G132" s="101"/>
      <c r="H132" s="613"/>
      <c r="I132" s="634"/>
    </row>
    <row r="133" spans="1:9" s="95" customFormat="1" ht="9.9499999999999993" customHeight="1">
      <c r="A133" s="290"/>
      <c r="B133" s="221"/>
      <c r="C133" s="84"/>
      <c r="D133" s="84"/>
      <c r="E133" s="211"/>
      <c r="F133" s="217"/>
      <c r="G133" s="218"/>
      <c r="H133" s="292"/>
      <c r="I133" s="71"/>
    </row>
    <row r="134" spans="1:9" s="95" customFormat="1" ht="9.9499999999999993" customHeight="1">
      <c r="A134" s="320"/>
      <c r="B134" s="295"/>
      <c r="C134" s="472"/>
      <c r="D134" s="85"/>
      <c r="E134" s="174"/>
      <c r="F134" s="246"/>
      <c r="G134" s="219"/>
      <c r="H134" s="103"/>
      <c r="I134" s="633"/>
    </row>
    <row r="135" spans="1:9" s="94" customFormat="1" ht="9.9499999999999993" customHeight="1">
      <c r="A135" s="650"/>
      <c r="B135" s="314"/>
      <c r="C135" s="473" t="s">
        <v>370</v>
      </c>
      <c r="D135" s="86" t="s">
        <v>371</v>
      </c>
      <c r="E135" s="208" t="s">
        <v>344</v>
      </c>
      <c r="F135" s="246">
        <v>2.5499999999999998</v>
      </c>
      <c r="G135" s="219"/>
      <c r="H135" s="613"/>
      <c r="I135" s="634"/>
    </row>
    <row r="136" spans="1:9" s="95" customFormat="1" ht="9.9499999999999993" customHeight="1">
      <c r="A136" s="290"/>
      <c r="B136" s="221"/>
      <c r="C136" s="84"/>
      <c r="D136" s="84"/>
      <c r="E136" s="211"/>
      <c r="F136" s="225"/>
      <c r="G136" s="218"/>
      <c r="H136" s="292"/>
      <c r="I136" s="71"/>
    </row>
    <row r="137" spans="1:9" s="95" customFormat="1" ht="9.9499999999999993" customHeight="1">
      <c r="A137" s="320"/>
      <c r="B137" s="295"/>
      <c r="C137" s="472"/>
      <c r="D137" s="85"/>
      <c r="E137" s="174"/>
      <c r="F137" s="227"/>
      <c r="G137" s="219"/>
      <c r="H137" s="103"/>
      <c r="I137" s="633"/>
    </row>
    <row r="138" spans="1:9" s="94" customFormat="1" ht="9.9499999999999993" customHeight="1">
      <c r="A138" s="300"/>
      <c r="B138" s="314"/>
      <c r="C138" s="473" t="s">
        <v>372</v>
      </c>
      <c r="D138" s="86"/>
      <c r="E138" s="208" t="s">
        <v>341</v>
      </c>
      <c r="F138" s="876">
        <v>1.2</v>
      </c>
      <c r="G138" s="219"/>
      <c r="H138" s="613"/>
      <c r="I138" s="634"/>
    </row>
    <row r="139" spans="1:9" s="95" customFormat="1" ht="9.9499999999999993" customHeight="1">
      <c r="A139" s="290"/>
      <c r="B139" s="68"/>
      <c r="C139" s="221"/>
      <c r="D139" s="221"/>
      <c r="E139" s="211"/>
      <c r="F139" s="225"/>
      <c r="G139" s="218"/>
      <c r="H139" s="292"/>
      <c r="I139" s="71"/>
    </row>
    <row r="140" spans="1:9" s="95" customFormat="1" ht="9.9499999999999993" customHeight="1">
      <c r="A140" s="320"/>
      <c r="B140" s="73"/>
      <c r="C140" s="649"/>
      <c r="D140" s="281"/>
      <c r="E140" s="174"/>
      <c r="F140" s="227"/>
      <c r="G140" s="219"/>
      <c r="H140" s="103"/>
      <c r="I140" s="633"/>
    </row>
    <row r="141" spans="1:9" s="94" customFormat="1" ht="9.9499999999999993" customHeight="1">
      <c r="A141" s="300"/>
      <c r="B141" s="77"/>
      <c r="C141" s="244" t="s">
        <v>373</v>
      </c>
      <c r="D141" s="474"/>
      <c r="E141" s="208" t="s">
        <v>341</v>
      </c>
      <c r="F141" s="227">
        <v>0.08</v>
      </c>
      <c r="G141" s="219"/>
      <c r="H141" s="613"/>
      <c r="I141" s="634"/>
    </row>
    <row r="142" spans="1:9" s="95" customFormat="1" ht="9.9499999999999993" customHeight="1">
      <c r="A142" s="642"/>
      <c r="B142" s="221"/>
      <c r="C142" s="68"/>
      <c r="D142" s="89"/>
      <c r="E142" s="69"/>
      <c r="F142" s="70"/>
      <c r="G142" s="173"/>
      <c r="H142" s="179"/>
      <c r="I142" s="332"/>
    </row>
    <row r="143" spans="1:9" s="95" customFormat="1" ht="9.9499999999999993" customHeight="1">
      <c r="A143" s="320"/>
      <c r="B143" s="295"/>
      <c r="C143" s="73"/>
      <c r="D143" s="73"/>
      <c r="E143" s="74" t="s">
        <v>374</v>
      </c>
      <c r="F143" s="75"/>
      <c r="G143" s="171"/>
      <c r="H143" s="180"/>
      <c r="I143" s="641"/>
    </row>
    <row r="144" spans="1:9" s="94" customFormat="1" ht="9.9499999999999993" customHeight="1">
      <c r="A144" s="645"/>
      <c r="B144" s="301"/>
      <c r="C144" s="77" t="s">
        <v>375</v>
      </c>
      <c r="D144" s="77"/>
      <c r="E144" s="78" t="s">
        <v>336</v>
      </c>
      <c r="F144" s="79">
        <v>1</v>
      </c>
      <c r="G144" s="172"/>
      <c r="H144" s="613"/>
      <c r="I144" s="652"/>
    </row>
    <row r="145" spans="1:12" s="95" customFormat="1" ht="9.9499999999999993" customHeight="1">
      <c r="A145" s="642"/>
      <c r="B145" s="654"/>
      <c r="C145" s="120"/>
      <c r="D145" s="121"/>
      <c r="E145" s="121"/>
      <c r="F145" s="122"/>
      <c r="G145" s="106"/>
      <c r="H145" s="112"/>
      <c r="I145" s="332"/>
    </row>
    <row r="146" spans="1:12" s="95" customFormat="1" ht="9.9499999999999993" customHeight="1">
      <c r="A146" s="320"/>
      <c r="B146" s="657"/>
      <c r="C146" s="125"/>
      <c r="D146" s="126"/>
      <c r="E146" s="126"/>
      <c r="F146" s="127"/>
      <c r="G146" s="107"/>
      <c r="H146" s="113"/>
      <c r="I146" s="641"/>
    </row>
    <row r="147" spans="1:12" s="94" customFormat="1" ht="9.9499999999999993" customHeight="1">
      <c r="A147" s="645"/>
      <c r="B147" s="669"/>
      <c r="C147" s="125" t="s">
        <v>376</v>
      </c>
      <c r="D147" s="130" t="s">
        <v>377</v>
      </c>
      <c r="E147" s="131" t="s">
        <v>378</v>
      </c>
      <c r="F147" s="132">
        <v>0.18</v>
      </c>
      <c r="G147" s="108"/>
      <c r="H147" s="613"/>
      <c r="I147" s="652"/>
    </row>
    <row r="148" spans="1:12" s="95" customFormat="1" ht="9.9499999999999993" customHeight="1">
      <c r="A148" s="642"/>
      <c r="B148" s="654"/>
      <c r="C148" s="221"/>
      <c r="D148" s="231"/>
      <c r="E148" s="231"/>
      <c r="F148" s="356"/>
      <c r="G148" s="357"/>
      <c r="H148" s="357"/>
      <c r="I148" s="332"/>
    </row>
    <row r="149" spans="1:12" s="95" customFormat="1" ht="9.9499999999999993" customHeight="1">
      <c r="A149" s="320"/>
      <c r="B149" s="657"/>
      <c r="C149" s="295"/>
      <c r="D149" s="296"/>
      <c r="E149" s="296"/>
      <c r="F149" s="356"/>
      <c r="G149" s="653"/>
      <c r="H149" s="653"/>
      <c r="I149" s="670"/>
    </row>
    <row r="150" spans="1:12" s="94" customFormat="1" ht="9.9499999999999993" customHeight="1">
      <c r="A150" s="645"/>
      <c r="B150" s="669"/>
      <c r="C150" s="182" t="s">
        <v>343</v>
      </c>
      <c r="D150" s="182"/>
      <c r="E150" s="78" t="s">
        <v>344</v>
      </c>
      <c r="F150" s="572">
        <v>5.0000000000000001E-3</v>
      </c>
      <c r="G150" s="365"/>
      <c r="H150" s="613"/>
      <c r="I150" s="652"/>
    </row>
    <row r="151" spans="1:12" s="95" customFormat="1" ht="9.9499999999999993" customHeight="1">
      <c r="A151" s="642"/>
      <c r="B151" s="221"/>
      <c r="C151" s="221"/>
      <c r="D151" s="350"/>
      <c r="E151" s="231"/>
      <c r="F151" s="335"/>
      <c r="G151" s="336"/>
      <c r="H151" s="102"/>
      <c r="I151" s="139"/>
      <c r="L151" s="466"/>
    </row>
    <row r="152" spans="1:12" s="95" customFormat="1" ht="9.9499999999999993" customHeight="1">
      <c r="A152" s="320"/>
      <c r="B152" s="295"/>
      <c r="C152" s="295"/>
      <c r="D152" s="327"/>
      <c r="E152" s="296"/>
      <c r="F152" s="297"/>
      <c r="G152" s="336"/>
      <c r="H152" s="647"/>
      <c r="I152" s="367"/>
    </row>
    <row r="153" spans="1:12" s="94" customFormat="1" ht="9.9499999999999993" customHeight="1">
      <c r="A153" s="645"/>
      <c r="B153" s="314"/>
      <c r="C153" s="301" t="s">
        <v>349</v>
      </c>
      <c r="D153" s="301"/>
      <c r="E153" s="315"/>
      <c r="F153" s="482"/>
      <c r="G153" s="348"/>
      <c r="H153" s="181"/>
      <c r="I153" s="366"/>
    </row>
    <row r="154" spans="1:12" s="95" customFormat="1" ht="9.9499999999999993" customHeight="1">
      <c r="A154" s="642"/>
      <c r="B154" s="221"/>
      <c r="C154" s="221"/>
      <c r="D154" s="231"/>
      <c r="E154" s="231"/>
      <c r="F154" s="356"/>
      <c r="G154" s="357"/>
      <c r="H154" s="357"/>
      <c r="I154" s="663"/>
    </row>
    <row r="155" spans="1:12" s="95" customFormat="1" ht="9.9499999999999993" customHeight="1">
      <c r="A155" s="320" t="s">
        <v>379</v>
      </c>
      <c r="B155" s="295" t="s">
        <v>313</v>
      </c>
      <c r="C155" s="295"/>
      <c r="D155" s="296"/>
      <c r="E155" s="296"/>
      <c r="F155" s="356"/>
      <c r="G155" s="653"/>
      <c r="H155" s="653"/>
      <c r="I155" s="664"/>
    </row>
    <row r="156" spans="1:12" s="94" customFormat="1" ht="9.9499999999999993" customHeight="1">
      <c r="A156" s="645"/>
      <c r="B156" s="314"/>
      <c r="C156" s="182"/>
      <c r="D156" s="182"/>
      <c r="E156" s="78"/>
      <c r="F156" s="210"/>
      <c r="G156" s="209"/>
      <c r="H156" s="209"/>
      <c r="I156" s="366"/>
    </row>
    <row r="157" spans="1:12" s="95" customFormat="1" ht="9.9499999999999993" customHeight="1">
      <c r="A157" s="290"/>
      <c r="B157" s="68"/>
      <c r="C157" s="68"/>
      <c r="D157" s="89"/>
      <c r="E157" s="69"/>
      <c r="F157" s="356"/>
      <c r="G157" s="336"/>
      <c r="H157" s="102"/>
      <c r="I157" s="139"/>
    </row>
    <row r="158" spans="1:12" s="95" customFormat="1" ht="9.9499999999999993" customHeight="1">
      <c r="A158" s="320"/>
      <c r="B158" s="73"/>
      <c r="C158" s="73"/>
      <c r="D158" s="73"/>
      <c r="E158" s="74"/>
      <c r="F158" s="356"/>
      <c r="G158" s="336"/>
      <c r="H158" s="647"/>
      <c r="I158" s="367"/>
    </row>
    <row r="159" spans="1:12" s="94" customFormat="1" ht="9.9499999999999993" customHeight="1">
      <c r="A159" s="300"/>
      <c r="B159" s="77"/>
      <c r="C159" s="77" t="s">
        <v>283</v>
      </c>
      <c r="D159" s="77" t="s">
        <v>380</v>
      </c>
      <c r="E159" s="78" t="s">
        <v>347</v>
      </c>
      <c r="F159" s="483">
        <v>0.16</v>
      </c>
      <c r="G159" s="348"/>
      <c r="H159" s="181"/>
      <c r="I159" s="366"/>
    </row>
    <row r="160" spans="1:12" s="95" customFormat="1" ht="9.75" customHeight="1">
      <c r="A160" s="290"/>
      <c r="B160" s="68"/>
      <c r="C160" s="68"/>
      <c r="D160" s="89"/>
      <c r="E160" s="69"/>
      <c r="F160" s="70"/>
      <c r="G160" s="173"/>
      <c r="H160" s="179"/>
      <c r="I160" s="139"/>
    </row>
    <row r="161" spans="1:17" s="95" customFormat="1" ht="9.75" customHeight="1">
      <c r="A161" s="320"/>
      <c r="B161" s="73"/>
      <c r="C161" s="73"/>
      <c r="D161" s="73"/>
      <c r="E161" s="74"/>
      <c r="F161" s="75"/>
      <c r="G161" s="171"/>
      <c r="H161" s="180"/>
      <c r="I161" s="367"/>
    </row>
    <row r="162" spans="1:17" s="94" customFormat="1" ht="9.9499999999999993" customHeight="1">
      <c r="A162" s="662"/>
      <c r="B162" s="438"/>
      <c r="C162" s="438" t="s">
        <v>349</v>
      </c>
      <c r="D162" s="438"/>
      <c r="E162" s="439"/>
      <c r="F162" s="440"/>
      <c r="G162" s="441"/>
      <c r="H162" s="442"/>
      <c r="I162" s="443"/>
    </row>
    <row r="163" spans="1:17" s="96" customFormat="1" ht="30" customHeight="1">
      <c r="A163" s="854"/>
      <c r="B163" s="852"/>
      <c r="C163" s="852"/>
      <c r="D163" s="852"/>
      <c r="E163" s="852"/>
      <c r="F163" s="852"/>
      <c r="G163" s="852"/>
      <c r="H163" s="853"/>
      <c r="I163" s="852"/>
      <c r="J163" s="850"/>
    </row>
    <row r="164" spans="1:17" s="95" customFormat="1" ht="9.9499999999999993" customHeight="1">
      <c r="A164" s="454"/>
      <c r="B164" s="774"/>
      <c r="C164" s="774"/>
      <c r="D164" s="828"/>
      <c r="E164" s="828"/>
      <c r="F164" s="835"/>
      <c r="G164" s="766"/>
      <c r="H164" s="766"/>
      <c r="I164" s="834"/>
      <c r="J164" s="284"/>
      <c r="K164" s="284"/>
      <c r="L164" s="284"/>
      <c r="M164" s="284"/>
      <c r="N164" s="284"/>
      <c r="O164" s="284"/>
      <c r="P164" s="284"/>
      <c r="Q164" s="284"/>
    </row>
    <row r="165" spans="1:17" s="95" customFormat="1" ht="9.9499999999999993" customHeight="1">
      <c r="A165" s="763"/>
      <c r="B165" s="774"/>
      <c r="C165" s="774"/>
      <c r="D165" s="828"/>
      <c r="E165" s="828"/>
      <c r="F165" s="835"/>
      <c r="G165" s="761"/>
      <c r="H165" s="761"/>
      <c r="I165" s="797"/>
      <c r="J165" s="284"/>
      <c r="K165" s="284"/>
      <c r="L165" s="284"/>
      <c r="M165" s="284"/>
      <c r="N165" s="284"/>
      <c r="O165" s="284"/>
      <c r="P165" s="284"/>
      <c r="Q165" s="284"/>
    </row>
    <row r="166" spans="1:17" s="94" customFormat="1" ht="9.9499999999999993" customHeight="1">
      <c r="A166" s="457"/>
      <c r="B166" s="756"/>
      <c r="C166" s="838"/>
      <c r="D166" s="838"/>
      <c r="E166" s="776"/>
      <c r="F166" s="835"/>
      <c r="G166" s="839"/>
      <c r="H166" s="839"/>
      <c r="I166" s="834"/>
      <c r="J166" s="286"/>
      <c r="K166" s="286"/>
      <c r="L166" s="286"/>
      <c r="M166" s="286"/>
      <c r="N166" s="286"/>
      <c r="O166" s="286"/>
      <c r="P166" s="286"/>
      <c r="Q166" s="286"/>
    </row>
    <row r="167" spans="1:17" s="95" customFormat="1" ht="9.9499999999999993" customHeight="1">
      <c r="A167" s="763"/>
      <c r="B167" s="790"/>
      <c r="C167" s="790"/>
      <c r="D167" s="772"/>
      <c r="E167" s="762"/>
      <c r="F167" s="835"/>
      <c r="G167" s="785"/>
      <c r="H167" s="564"/>
      <c r="I167" s="834"/>
      <c r="J167" s="284"/>
      <c r="K167" s="284"/>
      <c r="L167" s="284"/>
      <c r="M167" s="284"/>
      <c r="N167" s="284"/>
      <c r="O167" s="284"/>
      <c r="P167" s="284"/>
      <c r="Q167" s="284"/>
    </row>
    <row r="168" spans="1:17" s="95" customFormat="1" ht="9.9499999999999993" customHeight="1">
      <c r="A168" s="763"/>
      <c r="B168" s="790"/>
      <c r="C168" s="790"/>
      <c r="D168" s="790"/>
      <c r="E168" s="762"/>
      <c r="F168" s="835"/>
      <c r="G168" s="785"/>
      <c r="H168" s="841"/>
      <c r="I168" s="797"/>
      <c r="J168" s="284"/>
      <c r="K168" s="284"/>
      <c r="L168" s="284"/>
      <c r="M168" s="284"/>
      <c r="N168" s="284"/>
      <c r="O168" s="284"/>
      <c r="P168" s="284"/>
      <c r="Q168" s="284"/>
    </row>
    <row r="169" spans="1:17" s="94" customFormat="1" ht="9.9499999999999993" customHeight="1">
      <c r="A169" s="781"/>
      <c r="B169" s="772"/>
      <c r="C169" s="772"/>
      <c r="D169" s="772"/>
      <c r="E169" s="776"/>
      <c r="F169" s="848"/>
      <c r="G169" s="844"/>
      <c r="H169" s="770"/>
      <c r="I169" s="834"/>
      <c r="J169" s="286"/>
      <c r="K169" s="286"/>
      <c r="L169" s="286"/>
      <c r="M169" s="286"/>
      <c r="N169" s="286"/>
      <c r="O169" s="286"/>
      <c r="P169" s="286"/>
      <c r="Q169" s="286"/>
    </row>
    <row r="170" spans="1:17" s="95" customFormat="1" ht="9.9499999999999993" customHeight="1">
      <c r="A170" s="454"/>
      <c r="B170" s="756"/>
      <c r="C170" s="756"/>
      <c r="D170" s="830"/>
      <c r="E170" s="828"/>
      <c r="F170" s="835"/>
      <c r="G170" s="785"/>
      <c r="H170" s="564"/>
      <c r="I170" s="846"/>
      <c r="J170" s="284"/>
      <c r="K170" s="284"/>
      <c r="L170" s="543"/>
      <c r="M170" s="284"/>
      <c r="N170" s="284"/>
      <c r="O170" s="284"/>
      <c r="P170" s="284"/>
      <c r="Q170" s="284"/>
    </row>
    <row r="171" spans="1:17" s="95" customFormat="1" ht="9.9499999999999993" customHeight="1">
      <c r="A171" s="763"/>
      <c r="B171" s="756"/>
      <c r="C171" s="756"/>
      <c r="D171" s="831"/>
      <c r="E171" s="828"/>
      <c r="F171" s="835"/>
      <c r="G171" s="785"/>
      <c r="H171" s="841"/>
      <c r="I171" s="847"/>
      <c r="J171" s="284"/>
      <c r="K171" s="284"/>
      <c r="L171" s="543"/>
      <c r="M171" s="284"/>
      <c r="N171" s="284"/>
      <c r="O171" s="284"/>
      <c r="P171" s="284"/>
      <c r="Q171" s="284"/>
    </row>
    <row r="172" spans="1:17" s="94" customFormat="1" ht="9.9499999999999993" customHeight="1">
      <c r="A172" s="457"/>
      <c r="B172" s="767"/>
      <c r="C172" s="767"/>
      <c r="D172" s="767"/>
      <c r="E172" s="829"/>
      <c r="F172" s="848"/>
      <c r="G172" s="844"/>
      <c r="H172" s="770"/>
      <c r="I172" s="845"/>
      <c r="J172" s="286"/>
      <c r="K172" s="286"/>
      <c r="L172" s="544"/>
      <c r="M172" s="286"/>
      <c r="N172" s="286"/>
      <c r="O172" s="286"/>
      <c r="P172" s="286"/>
      <c r="Q172" s="286"/>
    </row>
    <row r="173" spans="1:17" s="95" customFormat="1" ht="9.9499999999999993" customHeight="1">
      <c r="A173" s="773"/>
      <c r="B173" s="773"/>
      <c r="C173" s="756"/>
      <c r="D173" s="830"/>
      <c r="E173" s="828"/>
      <c r="F173" s="835"/>
      <c r="G173" s="785"/>
      <c r="H173" s="564"/>
      <c r="I173" s="803"/>
      <c r="J173" s="284"/>
      <c r="K173" s="286"/>
      <c r="L173" s="543"/>
      <c r="M173" s="286"/>
      <c r="N173" s="284"/>
      <c r="O173" s="284"/>
      <c r="P173" s="284"/>
      <c r="Q173" s="284"/>
    </row>
    <row r="174" spans="1:17" s="95" customFormat="1" ht="9.9499999999999993" customHeight="1">
      <c r="A174" s="773"/>
      <c r="B174" s="773"/>
      <c r="C174" s="756"/>
      <c r="D174" s="831"/>
      <c r="E174" s="828"/>
      <c r="F174" s="835"/>
      <c r="G174" s="785"/>
      <c r="H174" s="841"/>
      <c r="I174" s="842"/>
      <c r="J174" s="284"/>
      <c r="K174" s="286"/>
      <c r="L174" s="543"/>
      <c r="M174" s="286"/>
      <c r="N174" s="284"/>
      <c r="O174" s="284"/>
      <c r="P174" s="284"/>
      <c r="Q174" s="284"/>
    </row>
    <row r="175" spans="1:17" s="94" customFormat="1" ht="9.9499999999999993" customHeight="1">
      <c r="A175" s="773"/>
      <c r="B175" s="836"/>
      <c r="C175" s="767"/>
      <c r="D175" s="767"/>
      <c r="E175" s="829"/>
      <c r="F175" s="848"/>
      <c r="G175" s="844"/>
      <c r="H175" s="770"/>
      <c r="I175" s="845"/>
      <c r="J175" s="286"/>
      <c r="K175" s="286"/>
      <c r="L175" s="544"/>
      <c r="M175" s="286"/>
      <c r="N175" s="286"/>
      <c r="O175" s="286"/>
      <c r="P175" s="286"/>
      <c r="Q175" s="286"/>
    </row>
    <row r="176" spans="1:17" s="95" customFormat="1" ht="9.9499999999999993" customHeight="1">
      <c r="A176" s="763"/>
      <c r="B176" s="756"/>
      <c r="C176" s="777"/>
      <c r="D176" s="777"/>
      <c r="E176" s="778"/>
      <c r="F176" s="779"/>
      <c r="G176" s="789"/>
      <c r="H176" s="564"/>
      <c r="I176" s="762"/>
      <c r="J176" s="284"/>
      <c r="K176" s="286"/>
      <c r="L176" s="543"/>
      <c r="M176" s="286"/>
      <c r="N176" s="284"/>
      <c r="O176" s="284"/>
      <c r="P176" s="284"/>
      <c r="Q176" s="284"/>
    </row>
    <row r="177" spans="1:17" s="95" customFormat="1" ht="9.9499999999999993" customHeight="1">
      <c r="A177" s="763"/>
      <c r="B177" s="756"/>
      <c r="C177" s="780"/>
      <c r="D177" s="777"/>
      <c r="E177" s="778"/>
      <c r="F177" s="779"/>
      <c r="G177" s="789"/>
      <c r="H177" s="564"/>
      <c r="I177" s="284"/>
      <c r="J177" s="284"/>
      <c r="K177" s="286"/>
      <c r="L177" s="543"/>
      <c r="M177" s="286"/>
      <c r="N177" s="284"/>
      <c r="O177" s="284"/>
      <c r="P177" s="284"/>
      <c r="Q177" s="284"/>
    </row>
    <row r="178" spans="1:17" s="94" customFormat="1" ht="9.9499999999999993" customHeight="1">
      <c r="A178" s="781"/>
      <c r="B178" s="756"/>
      <c r="C178" s="780"/>
      <c r="D178" s="782"/>
      <c r="E178" s="783"/>
      <c r="F178" s="784"/>
      <c r="G178" s="785"/>
      <c r="H178" s="786"/>
      <c r="I178" s="787"/>
      <c r="J178" s="286"/>
      <c r="K178" s="286"/>
      <c r="L178" s="544"/>
      <c r="M178" s="286"/>
      <c r="N178" s="286"/>
      <c r="O178" s="286"/>
      <c r="P178" s="286"/>
      <c r="Q178" s="286"/>
    </row>
    <row r="179" spans="1:17" s="95" customFormat="1" ht="9.9499999999999993" customHeight="1">
      <c r="A179" s="763"/>
      <c r="B179" s="790"/>
      <c r="C179" s="777"/>
      <c r="D179" s="777"/>
      <c r="E179" s="778"/>
      <c r="F179" s="694"/>
      <c r="G179" s="564"/>
      <c r="H179" s="564"/>
      <c r="I179" s="762"/>
      <c r="J179" s="284"/>
      <c r="K179" s="286"/>
      <c r="L179" s="543"/>
      <c r="M179" s="286"/>
      <c r="N179" s="284"/>
      <c r="O179" s="284"/>
      <c r="P179" s="284"/>
      <c r="Q179" s="284"/>
    </row>
    <row r="180" spans="1:17" s="95" customFormat="1" ht="9.9499999999999993" customHeight="1">
      <c r="A180" s="763"/>
      <c r="B180" s="790"/>
      <c r="C180" s="780"/>
      <c r="D180" s="777"/>
      <c r="E180" s="778"/>
      <c r="F180" s="694"/>
      <c r="G180" s="564"/>
      <c r="H180" s="564"/>
      <c r="I180" s="284"/>
      <c r="J180" s="284"/>
      <c r="K180" s="286"/>
      <c r="L180" s="543"/>
      <c r="M180" s="286"/>
      <c r="N180" s="284"/>
      <c r="O180" s="284"/>
      <c r="P180" s="284"/>
      <c r="Q180" s="284"/>
    </row>
    <row r="181" spans="1:17" s="94" customFormat="1" ht="9.9499999999999993" customHeight="1">
      <c r="A181" s="781"/>
      <c r="B181" s="772"/>
      <c r="C181" s="780"/>
      <c r="D181" s="782"/>
      <c r="E181" s="783"/>
      <c r="F181" s="791"/>
      <c r="G181" s="785"/>
      <c r="H181" s="786"/>
      <c r="I181" s="787"/>
      <c r="J181" s="286"/>
      <c r="K181" s="286"/>
      <c r="L181" s="544"/>
      <c r="M181" s="286"/>
      <c r="N181" s="286"/>
      <c r="O181" s="286"/>
      <c r="P181" s="286"/>
      <c r="Q181" s="286"/>
    </row>
    <row r="182" spans="1:17" s="95" customFormat="1" ht="9.9499999999999993" customHeight="1">
      <c r="A182" s="790"/>
      <c r="B182" s="790"/>
      <c r="C182" s="777"/>
      <c r="D182" s="777"/>
      <c r="E182" s="778"/>
      <c r="F182" s="792"/>
      <c r="G182" s="564"/>
      <c r="H182" s="564"/>
      <c r="I182" s="762"/>
      <c r="J182" s="284"/>
      <c r="K182" s="284"/>
      <c r="L182" s="543"/>
      <c r="M182" s="286"/>
      <c r="N182" s="284"/>
      <c r="O182" s="284"/>
      <c r="P182" s="284"/>
      <c r="Q182" s="284"/>
    </row>
    <row r="183" spans="1:17" s="95" customFormat="1" ht="9.9499999999999993" customHeight="1">
      <c r="A183" s="790"/>
      <c r="B183" s="790"/>
      <c r="C183" s="780"/>
      <c r="D183" s="777"/>
      <c r="E183" s="778"/>
      <c r="F183" s="793"/>
      <c r="G183" s="564"/>
      <c r="H183" s="564"/>
      <c r="I183" s="284"/>
      <c r="J183" s="284"/>
      <c r="K183" s="284"/>
      <c r="L183" s="543"/>
      <c r="M183" s="284"/>
      <c r="N183" s="284"/>
      <c r="O183" s="284"/>
      <c r="P183" s="284"/>
      <c r="Q183" s="284"/>
    </row>
    <row r="184" spans="1:17" s="94" customFormat="1" ht="9.9499999999999993" customHeight="1">
      <c r="A184" s="772"/>
      <c r="B184" s="772"/>
      <c r="C184" s="780"/>
      <c r="D184" s="782"/>
      <c r="E184" s="783"/>
      <c r="F184" s="793"/>
      <c r="G184" s="785"/>
      <c r="H184" s="786"/>
      <c r="I184" s="787"/>
      <c r="J184" s="286"/>
      <c r="K184" s="286"/>
      <c r="L184" s="544"/>
      <c r="M184" s="286"/>
      <c r="N184" s="286"/>
      <c r="O184" s="286"/>
      <c r="P184" s="286"/>
      <c r="Q184" s="286"/>
    </row>
    <row r="185" spans="1:17" s="95" customFormat="1" ht="9.9499999999999993" customHeight="1">
      <c r="A185" s="790"/>
      <c r="B185" s="790"/>
      <c r="C185" s="777"/>
      <c r="D185" s="777"/>
      <c r="E185" s="778"/>
      <c r="F185" s="792"/>
      <c r="G185" s="794"/>
      <c r="H185" s="564"/>
      <c r="I185" s="762"/>
      <c r="J185" s="284"/>
      <c r="K185" s="284"/>
      <c r="L185" s="284"/>
      <c r="M185" s="284"/>
      <c r="N185" s="284"/>
      <c r="O185" s="284"/>
      <c r="P185" s="284"/>
      <c r="Q185" s="284"/>
    </row>
    <row r="186" spans="1:17" s="95" customFormat="1" ht="9.9499999999999993" customHeight="1">
      <c r="A186" s="790"/>
      <c r="B186" s="790"/>
      <c r="C186" s="780"/>
      <c r="D186" s="777"/>
      <c r="E186" s="778"/>
      <c r="F186" s="793"/>
      <c r="G186" s="795"/>
      <c r="H186" s="564"/>
      <c r="I186" s="284"/>
      <c r="J186" s="284"/>
      <c r="K186" s="284"/>
      <c r="L186" s="284"/>
      <c r="M186" s="284"/>
      <c r="N186" s="284"/>
      <c r="O186" s="284"/>
      <c r="P186" s="284"/>
      <c r="Q186" s="284"/>
    </row>
    <row r="187" spans="1:17" s="94" customFormat="1" ht="9.9499999999999993" customHeight="1">
      <c r="A187" s="772"/>
      <c r="B187" s="772"/>
      <c r="C187" s="780"/>
      <c r="D187" s="782"/>
      <c r="E187" s="783"/>
      <c r="F187" s="793"/>
      <c r="G187" s="795"/>
      <c r="H187" s="786"/>
      <c r="I187" s="787"/>
      <c r="J187" s="286"/>
      <c r="K187" s="286"/>
      <c r="L187" s="286"/>
      <c r="M187" s="286"/>
      <c r="N187" s="286"/>
      <c r="O187" s="286"/>
      <c r="P187" s="286"/>
      <c r="Q187" s="286"/>
    </row>
    <row r="188" spans="1:17" s="95" customFormat="1" ht="9.9499999999999993" customHeight="1">
      <c r="A188" s="790"/>
      <c r="B188" s="790"/>
      <c r="C188" s="777"/>
      <c r="D188" s="777"/>
      <c r="E188" s="778"/>
      <c r="F188" s="792"/>
      <c r="G188" s="794"/>
      <c r="H188" s="564"/>
      <c r="I188" s="762"/>
      <c r="J188" s="284"/>
      <c r="K188" s="284"/>
      <c r="L188" s="284"/>
      <c r="M188" s="284"/>
      <c r="N188" s="284"/>
      <c r="O188" s="284"/>
      <c r="P188" s="284"/>
      <c r="Q188" s="284"/>
    </row>
    <row r="189" spans="1:17" s="95" customFormat="1" ht="9.9499999999999993" customHeight="1">
      <c r="A189" s="790"/>
      <c r="B189" s="790"/>
      <c r="C189" s="780"/>
      <c r="D189" s="777"/>
      <c r="E189" s="778"/>
      <c r="F189" s="793"/>
      <c r="G189" s="795"/>
      <c r="H189" s="564"/>
      <c r="I189" s="284"/>
      <c r="J189" s="284"/>
      <c r="K189" s="284"/>
      <c r="L189" s="284"/>
      <c r="M189" s="284"/>
      <c r="N189" s="284"/>
      <c r="O189" s="284"/>
      <c r="P189" s="284"/>
      <c r="Q189" s="284"/>
    </row>
    <row r="190" spans="1:17" s="94" customFormat="1" ht="9.9499999999999993" customHeight="1">
      <c r="A190" s="772"/>
      <c r="B190" s="790"/>
      <c r="C190" s="780"/>
      <c r="D190" s="782"/>
      <c r="E190" s="783"/>
      <c r="F190" s="793"/>
      <c r="G190" s="795"/>
      <c r="H190" s="786"/>
      <c r="I190" s="787"/>
      <c r="J190" s="286"/>
      <c r="K190" s="286"/>
      <c r="L190" s="286"/>
      <c r="M190" s="286"/>
      <c r="N190" s="286"/>
      <c r="O190" s="286"/>
      <c r="P190" s="286"/>
      <c r="Q190" s="286"/>
    </row>
    <row r="191" spans="1:17" s="95" customFormat="1" ht="9.9499999999999993" customHeight="1">
      <c r="A191" s="796"/>
      <c r="B191" s="796"/>
      <c r="C191" s="756"/>
      <c r="D191" s="756"/>
      <c r="E191" s="778"/>
      <c r="F191" s="792"/>
      <c r="G191" s="794"/>
      <c r="H191" s="564"/>
      <c r="I191" s="762"/>
      <c r="J191" s="284"/>
      <c r="K191" s="284"/>
      <c r="L191" s="284"/>
      <c r="M191" s="284"/>
      <c r="N191" s="284"/>
      <c r="O191" s="284"/>
      <c r="P191" s="284"/>
      <c r="Q191" s="284"/>
    </row>
    <row r="192" spans="1:17" s="95" customFormat="1" ht="9.9499999999999993" customHeight="1">
      <c r="A192" s="796"/>
      <c r="B192" s="796"/>
      <c r="C192" s="797"/>
      <c r="D192" s="798"/>
      <c r="E192" s="778"/>
      <c r="F192" s="793"/>
      <c r="G192" s="795"/>
      <c r="H192" s="564"/>
      <c r="I192" s="284"/>
      <c r="J192" s="284"/>
      <c r="K192" s="284"/>
      <c r="L192" s="284"/>
      <c r="M192" s="284"/>
      <c r="N192" s="284"/>
      <c r="O192" s="284"/>
      <c r="P192" s="284"/>
      <c r="Q192" s="284"/>
    </row>
    <row r="193" spans="1:17" s="94" customFormat="1" ht="9.9499999999999993" customHeight="1">
      <c r="A193" s="799"/>
      <c r="B193" s="799"/>
      <c r="C193" s="800"/>
      <c r="D193" s="801"/>
      <c r="E193" s="783"/>
      <c r="F193" s="793"/>
      <c r="G193" s="795"/>
      <c r="H193" s="786"/>
      <c r="I193" s="787"/>
      <c r="J193" s="286"/>
      <c r="K193" s="286"/>
      <c r="L193" s="286"/>
      <c r="M193" s="286"/>
      <c r="N193" s="286"/>
      <c r="O193" s="286"/>
      <c r="P193" s="286"/>
      <c r="Q193" s="286"/>
    </row>
    <row r="194" spans="1:17" s="95" customFormat="1" ht="9.9499999999999993" customHeight="1">
      <c r="A194" s="796"/>
      <c r="B194" s="796"/>
      <c r="C194" s="790"/>
      <c r="D194" s="772"/>
      <c r="E194" s="762"/>
      <c r="F194" s="694"/>
      <c r="G194" s="759"/>
      <c r="H194" s="802"/>
      <c r="I194" s="803"/>
      <c r="J194" s="284"/>
      <c r="K194" s="284"/>
      <c r="L194" s="284"/>
      <c r="M194" s="284"/>
      <c r="N194" s="284"/>
      <c r="O194" s="284"/>
      <c r="P194" s="284"/>
      <c r="Q194" s="284"/>
    </row>
    <row r="195" spans="1:17" s="95" customFormat="1" ht="9.9499999999999993" customHeight="1">
      <c r="A195" s="796"/>
      <c r="B195" s="796"/>
      <c r="C195" s="790"/>
      <c r="D195" s="790"/>
      <c r="E195" s="762"/>
      <c r="F195" s="694"/>
      <c r="G195" s="759"/>
      <c r="H195" s="804"/>
      <c r="I195" s="805"/>
      <c r="J195" s="284"/>
      <c r="K195" s="284"/>
      <c r="L195" s="284"/>
      <c r="M195" s="284"/>
      <c r="N195" s="284"/>
      <c r="O195" s="284"/>
      <c r="P195" s="284"/>
      <c r="Q195" s="284"/>
    </row>
    <row r="196" spans="1:17" s="94" customFormat="1" ht="9.9499999999999993" customHeight="1">
      <c r="A196" s="799"/>
      <c r="B196" s="799"/>
      <c r="C196" s="772"/>
      <c r="D196" s="772"/>
      <c r="E196" s="776"/>
      <c r="F196" s="791"/>
      <c r="G196" s="806"/>
      <c r="H196" s="807"/>
      <c r="I196" s="808"/>
      <c r="J196" s="286"/>
      <c r="K196" s="286"/>
      <c r="L196" s="286"/>
      <c r="M196" s="286"/>
      <c r="N196" s="286"/>
      <c r="O196" s="286"/>
      <c r="P196" s="286"/>
      <c r="Q196" s="286"/>
    </row>
    <row r="197" spans="1:17" s="95" customFormat="1" ht="9.9499999999999993" customHeight="1">
      <c r="A197" s="796"/>
      <c r="B197" s="796"/>
      <c r="C197" s="796"/>
      <c r="D197" s="805"/>
      <c r="E197" s="805"/>
      <c r="F197" s="809"/>
      <c r="G197" s="810"/>
      <c r="H197" s="811"/>
      <c r="I197" s="812"/>
      <c r="J197" s="284"/>
      <c r="K197" s="284"/>
      <c r="L197" s="284"/>
      <c r="M197" s="284"/>
      <c r="N197" s="284"/>
      <c r="O197" s="284"/>
      <c r="P197" s="284"/>
      <c r="Q197" s="284"/>
    </row>
    <row r="198" spans="1:17" s="95" customFormat="1" ht="9.9499999999999993" customHeight="1">
      <c r="A198" s="796"/>
      <c r="B198" s="796"/>
      <c r="C198" s="796"/>
      <c r="D198" s="805"/>
      <c r="E198" s="805"/>
      <c r="F198" s="809"/>
      <c r="G198" s="810"/>
      <c r="H198" s="813"/>
      <c r="I198" s="805"/>
      <c r="J198" s="284"/>
      <c r="K198" s="284"/>
      <c r="L198" s="284"/>
      <c r="M198" s="284"/>
      <c r="N198" s="284"/>
      <c r="O198" s="284"/>
      <c r="P198" s="284"/>
      <c r="Q198" s="284"/>
    </row>
    <row r="199" spans="1:17" s="94" customFormat="1" ht="9.9499999999999993" customHeight="1">
      <c r="A199" s="799"/>
      <c r="B199" s="799"/>
      <c r="C199" s="796"/>
      <c r="D199" s="799"/>
      <c r="E199" s="814"/>
      <c r="F199" s="815"/>
      <c r="G199" s="816"/>
      <c r="H199" s="817"/>
      <c r="I199" s="808"/>
      <c r="J199" s="286"/>
      <c r="K199" s="286"/>
      <c r="L199" s="286"/>
      <c r="M199" s="286"/>
      <c r="N199" s="286"/>
      <c r="O199" s="286"/>
      <c r="P199" s="286"/>
      <c r="Q199" s="286"/>
    </row>
    <row r="200" spans="1:17" s="95" customFormat="1" ht="9.9499999999999993" customHeight="1">
      <c r="A200" s="796"/>
      <c r="B200" s="796"/>
      <c r="C200" s="796"/>
      <c r="D200" s="796"/>
      <c r="E200" s="805"/>
      <c r="F200" s="809"/>
      <c r="G200" s="818"/>
      <c r="H200" s="818"/>
      <c r="I200" s="805"/>
      <c r="J200" s="284"/>
      <c r="K200" s="284"/>
      <c r="L200" s="284"/>
      <c r="M200" s="284"/>
      <c r="N200" s="284"/>
      <c r="O200" s="284"/>
      <c r="P200" s="284"/>
      <c r="Q200" s="284"/>
    </row>
    <row r="201" spans="1:17" s="95" customFormat="1" ht="9.9499999999999993" customHeight="1">
      <c r="A201" s="796"/>
      <c r="B201" s="796"/>
      <c r="C201" s="796"/>
      <c r="D201" s="796"/>
      <c r="E201" s="805"/>
      <c r="F201" s="809"/>
      <c r="G201" s="818"/>
      <c r="H201" s="818"/>
      <c r="I201" s="805"/>
      <c r="J201" s="284"/>
      <c r="K201" s="284"/>
      <c r="L201" s="284"/>
      <c r="M201" s="284"/>
      <c r="N201" s="284"/>
      <c r="O201" s="284"/>
      <c r="P201" s="284"/>
      <c r="Q201" s="284"/>
    </row>
    <row r="202" spans="1:17" s="94" customFormat="1" ht="9.9499999999999993" customHeight="1">
      <c r="A202" s="799"/>
      <c r="B202" s="799"/>
      <c r="C202" s="796"/>
      <c r="D202" s="799"/>
      <c r="E202" s="814"/>
      <c r="F202" s="819"/>
      <c r="G202" s="820"/>
      <c r="H202" s="821"/>
      <c r="I202" s="814"/>
      <c r="J202" s="286"/>
      <c r="K202" s="286"/>
      <c r="L202" s="286"/>
      <c r="M202" s="286"/>
      <c r="N202" s="286"/>
      <c r="O202" s="286"/>
      <c r="P202" s="286"/>
      <c r="Q202" s="286"/>
    </row>
    <row r="203" spans="1:17" s="91" customFormat="1" ht="30" customHeight="1">
      <c r="A203" s="965"/>
      <c r="B203" s="965"/>
      <c r="C203" s="965"/>
      <c r="D203" s="965"/>
      <c r="E203" s="965"/>
      <c r="F203" s="965"/>
      <c r="G203" s="965"/>
      <c r="H203" s="965"/>
      <c r="I203" s="965"/>
      <c r="J203" s="822"/>
      <c r="K203" s="822"/>
      <c r="L203" s="822"/>
      <c r="M203" s="822"/>
      <c r="N203" s="822"/>
      <c r="O203" s="822"/>
      <c r="P203" s="822"/>
      <c r="Q203" s="822"/>
    </row>
    <row r="204" spans="1:17" s="90" customFormat="1" ht="30" customHeight="1">
      <c r="A204" s="823"/>
      <c r="B204" s="823"/>
      <c r="C204" s="823"/>
      <c r="D204" s="823"/>
      <c r="E204" s="823"/>
      <c r="F204" s="823"/>
      <c r="G204" s="824"/>
      <c r="H204" s="825"/>
      <c r="I204" s="823"/>
      <c r="J204" s="826"/>
      <c r="K204" s="826"/>
      <c r="L204" s="826"/>
      <c r="M204" s="826"/>
      <c r="N204" s="826"/>
      <c r="O204" s="826"/>
      <c r="P204" s="826"/>
      <c r="Q204" s="826"/>
    </row>
    <row r="205" spans="1:17" s="95" customFormat="1" ht="9.9499999999999993" customHeight="1">
      <c r="A205" s="454"/>
      <c r="B205" s="756"/>
      <c r="C205" s="757"/>
      <c r="D205" s="758"/>
      <c r="E205" s="759"/>
      <c r="F205" s="759"/>
      <c r="G205" s="760"/>
      <c r="H205" s="761"/>
      <c r="I205" s="762"/>
      <c r="J205" s="284"/>
      <c r="K205" s="284"/>
      <c r="L205" s="284"/>
      <c r="M205" s="284"/>
      <c r="N205" s="284"/>
      <c r="O205" s="284"/>
      <c r="P205" s="284"/>
      <c r="Q205" s="284"/>
    </row>
    <row r="206" spans="1:17" s="95" customFormat="1" ht="9.9499999999999993" customHeight="1">
      <c r="A206" s="763"/>
      <c r="B206" s="756"/>
      <c r="C206" s="764"/>
      <c r="D206" s="758"/>
      <c r="E206" s="759"/>
      <c r="F206" s="759"/>
      <c r="G206" s="765"/>
      <c r="H206" s="766"/>
      <c r="I206" s="762"/>
      <c r="J206" s="284"/>
      <c r="K206" s="284"/>
      <c r="L206" s="284"/>
      <c r="M206" s="284"/>
      <c r="N206" s="284"/>
      <c r="O206" s="284"/>
      <c r="P206" s="284"/>
      <c r="Q206" s="284"/>
    </row>
    <row r="207" spans="1:17" s="94" customFormat="1" ht="9.9499999999999993" customHeight="1">
      <c r="A207" s="457"/>
      <c r="B207" s="767"/>
      <c r="C207" s="764"/>
      <c r="D207" s="768"/>
      <c r="E207" s="769"/>
      <c r="F207" s="769"/>
      <c r="G207" s="770"/>
      <c r="H207" s="771"/>
      <c r="I207" s="772"/>
      <c r="J207" s="286"/>
      <c r="K207" s="286"/>
      <c r="L207" s="286"/>
      <c r="M207" s="286"/>
      <c r="N207" s="286"/>
      <c r="O207" s="286"/>
      <c r="P207" s="286"/>
      <c r="Q207" s="286"/>
    </row>
    <row r="208" spans="1:17" s="95" customFormat="1" ht="9.9499999999999993" customHeight="1">
      <c r="A208" s="763"/>
      <c r="B208" s="774"/>
      <c r="C208" s="454"/>
      <c r="D208" s="454"/>
      <c r="E208" s="454"/>
      <c r="F208" s="454"/>
      <c r="G208" s="454"/>
      <c r="H208" s="454"/>
      <c r="I208" s="762"/>
      <c r="J208" s="284"/>
      <c r="K208" s="284"/>
      <c r="L208" s="284"/>
      <c r="M208" s="284"/>
      <c r="N208" s="284"/>
      <c r="O208" s="284"/>
      <c r="P208" s="284"/>
      <c r="Q208" s="284"/>
    </row>
    <row r="209" spans="1:17" s="95" customFormat="1" ht="9.9499999999999993" customHeight="1">
      <c r="A209" s="763"/>
      <c r="B209" s="774"/>
      <c r="C209" s="454"/>
      <c r="D209" s="454"/>
      <c r="E209" s="454"/>
      <c r="F209" s="454"/>
      <c r="G209" s="454"/>
      <c r="H209" s="454"/>
      <c r="I209" s="762"/>
      <c r="J209" s="284"/>
      <c r="K209" s="284"/>
      <c r="L209" s="284"/>
      <c r="M209" s="284"/>
      <c r="N209" s="284"/>
      <c r="O209" s="284"/>
      <c r="P209" s="284"/>
      <c r="Q209" s="284"/>
    </row>
    <row r="210" spans="1:17" s="94" customFormat="1" ht="9.9499999999999993" customHeight="1">
      <c r="A210" s="781"/>
      <c r="B210" s="775"/>
      <c r="C210" s="457"/>
      <c r="D210" s="457"/>
      <c r="E210" s="457"/>
      <c r="F210" s="457"/>
      <c r="G210" s="457"/>
      <c r="H210" s="457"/>
      <c r="I210" s="776"/>
      <c r="J210" s="286"/>
      <c r="K210" s="286"/>
      <c r="L210" s="286"/>
      <c r="M210" s="286"/>
      <c r="N210" s="286"/>
      <c r="O210" s="286"/>
      <c r="P210" s="286"/>
      <c r="Q210" s="286"/>
    </row>
    <row r="211" spans="1:17" s="95" customFormat="1" ht="9.9499999999999993" customHeight="1">
      <c r="A211" s="763"/>
      <c r="B211" s="774"/>
      <c r="C211" s="756"/>
      <c r="D211" s="827"/>
      <c r="E211" s="828"/>
      <c r="F211" s="779"/>
      <c r="G211" s="564"/>
      <c r="H211" s="564"/>
      <c r="I211" s="762"/>
      <c r="J211" s="284"/>
      <c r="K211" s="284"/>
      <c r="L211" s="284"/>
      <c r="M211" s="284"/>
      <c r="N211" s="284"/>
      <c r="O211" s="284"/>
      <c r="P211" s="284"/>
      <c r="Q211" s="284"/>
    </row>
    <row r="212" spans="1:17" s="95" customFormat="1" ht="9.9499999999999993" customHeight="1">
      <c r="A212" s="763"/>
      <c r="B212" s="774"/>
      <c r="C212" s="756"/>
      <c r="D212" s="827"/>
      <c r="E212" s="828"/>
      <c r="F212" s="779"/>
      <c r="G212" s="564"/>
      <c r="H212" s="564"/>
      <c r="I212" s="284"/>
      <c r="J212" s="284"/>
      <c r="K212" s="284"/>
      <c r="L212" s="284"/>
      <c r="M212" s="284"/>
      <c r="N212" s="284"/>
      <c r="O212" s="284"/>
      <c r="P212" s="284"/>
      <c r="Q212" s="284"/>
    </row>
    <row r="213" spans="1:17" s="94" customFormat="1" ht="9.9499999999999993" customHeight="1">
      <c r="A213" s="781"/>
      <c r="B213" s="775"/>
      <c r="C213" s="767"/>
      <c r="D213" s="767"/>
      <c r="E213" s="829"/>
      <c r="F213" s="784"/>
      <c r="G213" s="785"/>
      <c r="H213" s="786"/>
      <c r="I213" s="787"/>
      <c r="J213" s="286"/>
      <c r="K213" s="286"/>
      <c r="L213" s="286"/>
      <c r="M213" s="286"/>
      <c r="N213" s="286"/>
      <c r="O213" s="286"/>
      <c r="P213" s="286"/>
      <c r="Q213" s="286"/>
    </row>
    <row r="214" spans="1:17" s="95" customFormat="1" ht="9.9499999999999993" customHeight="1">
      <c r="A214" s="763"/>
      <c r="B214" s="756"/>
      <c r="C214" s="756"/>
      <c r="D214" s="827"/>
      <c r="E214" s="828"/>
      <c r="F214" s="779"/>
      <c r="G214" s="564"/>
      <c r="H214" s="564"/>
      <c r="I214" s="762"/>
      <c r="J214" s="284"/>
      <c r="K214" s="284"/>
      <c r="L214" s="284"/>
      <c r="M214" s="284"/>
      <c r="N214" s="284"/>
      <c r="O214" s="284"/>
      <c r="P214" s="284"/>
      <c r="Q214" s="284"/>
    </row>
    <row r="215" spans="1:17" s="95" customFormat="1" ht="9.9499999999999993" customHeight="1">
      <c r="A215" s="763"/>
      <c r="B215" s="756"/>
      <c r="C215" s="756"/>
      <c r="D215" s="827"/>
      <c r="E215" s="828"/>
      <c r="F215" s="779"/>
      <c r="G215" s="564"/>
      <c r="H215" s="564"/>
      <c r="I215" s="284"/>
      <c r="J215" s="284"/>
      <c r="K215" s="284"/>
      <c r="L215" s="284"/>
      <c r="M215" s="284"/>
      <c r="N215" s="284"/>
      <c r="O215" s="284"/>
      <c r="P215" s="284"/>
      <c r="Q215" s="284"/>
    </row>
    <row r="216" spans="1:17" s="94" customFormat="1" ht="9.9499999999999993" customHeight="1">
      <c r="A216" s="788"/>
      <c r="B216" s="756"/>
      <c r="C216" s="767"/>
      <c r="D216" s="767"/>
      <c r="E216" s="829"/>
      <c r="F216" s="784"/>
      <c r="G216" s="785"/>
      <c r="H216" s="786"/>
      <c r="I216" s="787"/>
      <c r="J216" s="286"/>
      <c r="K216" s="286"/>
      <c r="L216" s="286"/>
      <c r="M216" s="286"/>
      <c r="N216" s="286"/>
      <c r="O216" s="286"/>
      <c r="P216" s="286"/>
      <c r="Q216" s="286"/>
    </row>
    <row r="217" spans="1:17" s="95" customFormat="1" ht="9.9499999999999993" customHeight="1">
      <c r="A217" s="763"/>
      <c r="B217" s="756"/>
      <c r="C217" s="756"/>
      <c r="D217" s="830"/>
      <c r="E217" s="828"/>
      <c r="F217" s="779"/>
      <c r="G217" s="789"/>
      <c r="H217" s="564"/>
      <c r="I217" s="762"/>
      <c r="J217" s="284"/>
      <c r="K217" s="284"/>
      <c r="L217" s="284"/>
      <c r="M217" s="284"/>
      <c r="N217" s="284"/>
      <c r="O217" s="284"/>
      <c r="P217" s="284"/>
      <c r="Q217" s="284"/>
    </row>
    <row r="218" spans="1:17" s="95" customFormat="1" ht="9.9499999999999993" customHeight="1">
      <c r="A218" s="763"/>
      <c r="B218" s="756"/>
      <c r="C218" s="756"/>
      <c r="D218" s="831"/>
      <c r="E218" s="828"/>
      <c r="F218" s="779"/>
      <c r="G218" s="789"/>
      <c r="H218" s="564"/>
      <c r="I218" s="284"/>
      <c r="J218" s="284"/>
      <c r="K218" s="284"/>
      <c r="L218" s="284"/>
      <c r="M218" s="284"/>
      <c r="N218" s="284"/>
      <c r="O218" s="284"/>
      <c r="P218" s="284"/>
      <c r="Q218" s="284"/>
    </row>
    <row r="219" spans="1:17" s="94" customFormat="1" ht="9.9499999999999993" customHeight="1">
      <c r="A219" s="781"/>
      <c r="B219" s="756"/>
      <c r="C219" s="832"/>
      <c r="D219" s="833"/>
      <c r="E219" s="829"/>
      <c r="F219" s="784"/>
      <c r="G219" s="785"/>
      <c r="H219" s="786"/>
      <c r="I219" s="787"/>
      <c r="J219" s="286"/>
      <c r="K219" s="286"/>
      <c r="L219" s="286"/>
      <c r="M219" s="286"/>
      <c r="N219" s="286"/>
      <c r="O219" s="286"/>
      <c r="P219" s="286"/>
      <c r="Q219" s="286"/>
    </row>
    <row r="220" spans="1:17" s="95" customFormat="1" ht="9.9499999999999993" customHeight="1">
      <c r="A220" s="763"/>
      <c r="B220" s="790"/>
      <c r="C220" s="790"/>
      <c r="D220" s="772"/>
      <c r="E220" s="762"/>
      <c r="F220" s="694"/>
      <c r="G220" s="759"/>
      <c r="H220" s="802"/>
      <c r="I220" s="762"/>
      <c r="J220" s="284"/>
      <c r="K220" s="284"/>
      <c r="L220" s="284"/>
      <c r="M220" s="284"/>
      <c r="N220" s="284"/>
      <c r="O220" s="284"/>
      <c r="P220" s="284"/>
      <c r="Q220" s="284"/>
    </row>
    <row r="221" spans="1:17" s="95" customFormat="1" ht="9.9499999999999993" customHeight="1">
      <c r="A221" s="763"/>
      <c r="B221" s="790"/>
      <c r="C221" s="790"/>
      <c r="D221" s="790"/>
      <c r="E221" s="762"/>
      <c r="F221" s="694"/>
      <c r="G221" s="759"/>
      <c r="H221" s="804"/>
      <c r="I221" s="284"/>
      <c r="J221" s="284"/>
      <c r="K221" s="284"/>
      <c r="L221" s="284"/>
      <c r="M221" s="284"/>
      <c r="N221" s="284"/>
      <c r="O221" s="284"/>
      <c r="P221" s="284"/>
      <c r="Q221" s="284"/>
    </row>
    <row r="222" spans="1:17" s="94" customFormat="1" ht="9.9499999999999993" customHeight="1">
      <c r="A222" s="781"/>
      <c r="B222" s="772"/>
      <c r="C222" s="772"/>
      <c r="D222" s="772"/>
      <c r="E222" s="776"/>
      <c r="F222" s="791"/>
      <c r="G222" s="806"/>
      <c r="H222" s="807"/>
      <c r="I222" s="787"/>
      <c r="J222" s="286"/>
      <c r="K222" s="286"/>
      <c r="L222" s="286"/>
      <c r="M222" s="286"/>
      <c r="N222" s="286"/>
      <c r="O222" s="286"/>
      <c r="P222" s="286"/>
      <c r="Q222" s="286"/>
    </row>
    <row r="223" spans="1:17" s="95" customFormat="1" ht="9.9499999999999993" customHeight="1">
      <c r="A223" s="454"/>
      <c r="B223" s="756"/>
      <c r="C223" s="756"/>
      <c r="D223" s="830"/>
      <c r="E223" s="828"/>
      <c r="F223" s="840"/>
      <c r="G223" s="785"/>
      <c r="H223" s="564"/>
      <c r="I223" s="834"/>
      <c r="J223" s="284"/>
      <c r="K223" s="284"/>
      <c r="L223" s="284"/>
      <c r="M223" s="284"/>
      <c r="N223" s="284"/>
      <c r="O223" s="284"/>
      <c r="P223" s="284"/>
      <c r="Q223" s="284"/>
    </row>
    <row r="224" spans="1:17" s="95" customFormat="1" ht="9.9499999999999993" customHeight="1">
      <c r="A224" s="763"/>
      <c r="B224" s="756"/>
      <c r="C224" s="756"/>
      <c r="D224" s="831"/>
      <c r="E224" s="828"/>
      <c r="F224" s="779"/>
      <c r="G224" s="785"/>
      <c r="H224" s="841"/>
      <c r="I224" s="797"/>
      <c r="J224" s="284"/>
      <c r="K224" s="284"/>
      <c r="L224" s="284"/>
      <c r="M224" s="284"/>
      <c r="N224" s="284"/>
      <c r="O224" s="284"/>
      <c r="P224" s="284"/>
      <c r="Q224" s="284"/>
    </row>
    <row r="225" spans="1:17" s="94" customFormat="1" ht="9.9499999999999993" customHeight="1">
      <c r="A225" s="457"/>
      <c r="B225" s="767"/>
      <c r="C225" s="767"/>
      <c r="D225" s="767"/>
      <c r="E225" s="829"/>
      <c r="F225" s="785"/>
      <c r="G225" s="785"/>
      <c r="H225" s="786"/>
      <c r="I225" s="834"/>
      <c r="J225" s="286"/>
      <c r="K225" s="286"/>
      <c r="L225" s="286"/>
      <c r="M225" s="286"/>
      <c r="N225" s="286"/>
      <c r="O225" s="286"/>
      <c r="P225" s="286"/>
      <c r="Q225" s="286"/>
    </row>
    <row r="226" spans="1:17" s="95" customFormat="1" ht="9.9499999999999993" customHeight="1">
      <c r="A226" s="773"/>
      <c r="B226" s="773"/>
      <c r="C226" s="757"/>
      <c r="D226" s="758"/>
      <c r="E226" s="758"/>
      <c r="F226" s="835"/>
      <c r="G226" s="766"/>
      <c r="H226" s="766"/>
      <c r="I226" s="834"/>
      <c r="J226" s="284"/>
      <c r="K226" s="284"/>
      <c r="L226" s="284"/>
      <c r="M226" s="284"/>
      <c r="N226" s="284"/>
      <c r="O226" s="284"/>
      <c r="P226" s="284"/>
      <c r="Q226" s="284"/>
    </row>
    <row r="227" spans="1:17" s="95" customFormat="1" ht="9.9499999999999993" customHeight="1">
      <c r="A227" s="773"/>
      <c r="B227" s="773"/>
      <c r="C227" s="764"/>
      <c r="D227" s="758"/>
      <c r="E227" s="758"/>
      <c r="F227" s="835"/>
      <c r="G227" s="761"/>
      <c r="H227" s="761"/>
      <c r="I227" s="797"/>
      <c r="J227" s="284"/>
      <c r="K227" s="284"/>
      <c r="L227" s="284"/>
      <c r="M227" s="284"/>
      <c r="N227" s="284"/>
      <c r="O227" s="284"/>
      <c r="P227" s="284"/>
      <c r="Q227" s="284"/>
    </row>
    <row r="228" spans="1:17" s="94" customFormat="1" ht="9.9499999999999993" customHeight="1">
      <c r="A228" s="773"/>
      <c r="B228" s="836"/>
      <c r="C228" s="837"/>
      <c r="D228" s="768"/>
      <c r="E228" s="768"/>
      <c r="F228" s="835"/>
      <c r="G228" s="786"/>
      <c r="H228" s="786"/>
      <c r="I228" s="834"/>
      <c r="J228" s="286"/>
      <c r="K228" s="286"/>
      <c r="L228" s="286"/>
      <c r="M228" s="286"/>
      <c r="N228" s="286"/>
      <c r="O228" s="286"/>
      <c r="P228" s="286"/>
      <c r="Q228" s="286"/>
    </row>
    <row r="229" spans="1:17" s="95" customFormat="1" ht="9.9499999999999993" customHeight="1">
      <c r="A229" s="454"/>
      <c r="B229" s="756"/>
      <c r="C229" s="774"/>
      <c r="D229" s="828"/>
      <c r="E229" s="828"/>
      <c r="F229" s="835"/>
      <c r="G229" s="766"/>
      <c r="H229" s="766"/>
      <c r="I229" s="834"/>
      <c r="J229" s="284"/>
      <c r="K229" s="284"/>
      <c r="L229" s="284"/>
      <c r="M229" s="284"/>
      <c r="N229" s="284"/>
      <c r="O229" s="284"/>
      <c r="P229" s="284"/>
      <c r="Q229" s="284"/>
    </row>
    <row r="230" spans="1:17" s="95" customFormat="1" ht="9.9499999999999993" customHeight="1">
      <c r="A230" s="763"/>
      <c r="B230" s="756"/>
      <c r="C230" s="774"/>
      <c r="D230" s="828"/>
      <c r="E230" s="828"/>
      <c r="F230" s="835"/>
      <c r="G230" s="761"/>
      <c r="H230" s="761"/>
      <c r="I230" s="797"/>
      <c r="J230" s="284"/>
      <c r="K230" s="284"/>
      <c r="L230" s="284"/>
      <c r="M230" s="284"/>
      <c r="N230" s="284"/>
      <c r="O230" s="284"/>
      <c r="P230" s="284"/>
      <c r="Q230" s="284"/>
    </row>
    <row r="231" spans="1:17" s="94" customFormat="1" ht="9.9499999999999993" customHeight="1">
      <c r="A231" s="457"/>
      <c r="B231" s="772"/>
      <c r="C231" s="838"/>
      <c r="D231" s="838"/>
      <c r="E231" s="776"/>
      <c r="F231" s="835"/>
      <c r="G231" s="839"/>
      <c r="H231" s="839"/>
      <c r="I231" s="834"/>
      <c r="J231" s="286"/>
      <c r="K231" s="286"/>
      <c r="L231" s="286"/>
      <c r="M231" s="286"/>
      <c r="N231" s="286"/>
      <c r="O231" s="286"/>
      <c r="P231" s="286"/>
      <c r="Q231" s="286"/>
    </row>
    <row r="232" spans="1:17" s="95" customFormat="1" ht="9.9499999999999993" customHeight="1">
      <c r="A232" s="763"/>
      <c r="B232" s="790"/>
      <c r="C232" s="790"/>
      <c r="D232" s="772"/>
      <c r="E232" s="762"/>
      <c r="F232" s="835"/>
      <c r="G232" s="766"/>
      <c r="H232" s="564"/>
      <c r="I232" s="834"/>
      <c r="J232" s="284"/>
      <c r="K232" s="284"/>
      <c r="L232" s="784"/>
      <c r="M232" s="284"/>
      <c r="N232" s="284"/>
      <c r="O232" s="284"/>
      <c r="P232" s="284"/>
      <c r="Q232" s="284"/>
    </row>
    <row r="233" spans="1:17" s="95" customFormat="1" ht="9.9499999999999993" customHeight="1">
      <c r="A233" s="763"/>
      <c r="B233" s="790"/>
      <c r="C233" s="790"/>
      <c r="D233" s="790"/>
      <c r="E233" s="762"/>
      <c r="F233" s="835"/>
      <c r="G233" s="761"/>
      <c r="H233" s="841"/>
      <c r="I233" s="797"/>
      <c r="J233" s="284"/>
      <c r="K233" s="284"/>
      <c r="L233" s="284"/>
      <c r="M233" s="284"/>
      <c r="N233" s="284"/>
      <c r="O233" s="284"/>
      <c r="P233" s="284"/>
      <c r="Q233" s="284"/>
    </row>
    <row r="234" spans="1:17" s="94" customFormat="1" ht="9.9499999999999993" customHeight="1">
      <c r="A234" s="781"/>
      <c r="B234" s="772"/>
      <c r="C234" s="772"/>
      <c r="D234" s="772"/>
      <c r="E234" s="776"/>
      <c r="F234" s="848"/>
      <c r="G234" s="562"/>
      <c r="H234" s="770"/>
      <c r="I234" s="834"/>
      <c r="J234" s="286"/>
      <c r="K234" s="286"/>
      <c r="L234" s="286"/>
      <c r="M234" s="286"/>
      <c r="N234" s="286"/>
      <c r="O234" s="286"/>
      <c r="P234" s="286"/>
      <c r="Q234" s="286"/>
    </row>
    <row r="235" spans="1:17" s="95" customFormat="1" ht="9.9499999999999993" customHeight="1">
      <c r="A235" s="454"/>
      <c r="B235" s="756"/>
      <c r="C235" s="756"/>
      <c r="D235" s="830"/>
      <c r="E235" s="828"/>
      <c r="F235" s="835"/>
      <c r="G235" s="785"/>
      <c r="H235" s="564"/>
      <c r="I235" s="846"/>
      <c r="J235" s="284"/>
      <c r="K235" s="284"/>
      <c r="L235" s="284"/>
      <c r="M235" s="284"/>
      <c r="N235" s="284"/>
      <c r="O235" s="284"/>
      <c r="P235" s="284"/>
      <c r="Q235" s="284"/>
    </row>
    <row r="236" spans="1:17" s="95" customFormat="1" ht="9.9499999999999993" customHeight="1">
      <c r="A236" s="763"/>
      <c r="B236" s="756"/>
      <c r="C236" s="756"/>
      <c r="D236" s="831"/>
      <c r="E236" s="828"/>
      <c r="F236" s="835"/>
      <c r="G236" s="785"/>
      <c r="H236" s="841"/>
      <c r="I236" s="847"/>
      <c r="J236" s="284"/>
      <c r="K236" s="284"/>
      <c r="L236" s="284"/>
      <c r="M236" s="284"/>
      <c r="N236" s="284"/>
      <c r="O236" s="284"/>
      <c r="P236" s="284"/>
      <c r="Q236" s="284"/>
    </row>
    <row r="237" spans="1:17" s="94" customFormat="1" ht="9.9499999999999993" customHeight="1">
      <c r="A237" s="457"/>
      <c r="B237" s="767"/>
      <c r="C237" s="767"/>
      <c r="D237" s="767"/>
      <c r="E237" s="829"/>
      <c r="F237" s="848"/>
      <c r="G237" s="844"/>
      <c r="H237" s="770"/>
      <c r="I237" s="845"/>
      <c r="J237" s="286"/>
      <c r="K237" s="286"/>
      <c r="L237" s="286"/>
      <c r="M237" s="286"/>
      <c r="N237" s="286"/>
      <c r="O237" s="286"/>
      <c r="P237" s="286"/>
      <c r="Q237" s="286"/>
    </row>
    <row r="238" spans="1:17" s="95" customFormat="1" ht="9.9499999999999993" customHeight="1">
      <c r="A238" s="773"/>
      <c r="B238" s="773"/>
      <c r="C238" s="756"/>
      <c r="D238" s="830"/>
      <c r="E238" s="828"/>
      <c r="F238" s="840"/>
      <c r="G238" s="785"/>
      <c r="H238" s="564"/>
      <c r="I238" s="803"/>
      <c r="J238" s="284"/>
      <c r="K238" s="284"/>
      <c r="L238" s="284"/>
      <c r="M238" s="284"/>
      <c r="N238" s="284"/>
      <c r="O238" s="284"/>
      <c r="P238" s="284"/>
      <c r="Q238" s="284"/>
    </row>
    <row r="239" spans="1:17" s="95" customFormat="1" ht="9.9499999999999993" customHeight="1">
      <c r="A239" s="773"/>
      <c r="B239" s="773"/>
      <c r="C239" s="756"/>
      <c r="D239" s="831"/>
      <c r="E239" s="828"/>
      <c r="F239" s="779"/>
      <c r="G239" s="785"/>
      <c r="H239" s="841"/>
      <c r="I239" s="842"/>
      <c r="J239" s="284"/>
      <c r="K239" s="284"/>
      <c r="L239" s="284"/>
      <c r="M239" s="284"/>
      <c r="N239" s="284"/>
      <c r="O239" s="284"/>
      <c r="P239" s="284"/>
      <c r="Q239" s="284"/>
    </row>
    <row r="240" spans="1:17" s="94" customFormat="1" ht="9.9499999999999993" customHeight="1">
      <c r="A240" s="773"/>
      <c r="B240" s="836"/>
      <c r="C240" s="767"/>
      <c r="D240" s="767"/>
      <c r="E240" s="829"/>
      <c r="F240" s="843"/>
      <c r="G240" s="844"/>
      <c r="H240" s="770"/>
      <c r="I240" s="845"/>
      <c r="J240" s="286"/>
      <c r="K240" s="286"/>
      <c r="L240" s="286"/>
      <c r="M240" s="286"/>
      <c r="N240" s="286"/>
      <c r="O240" s="286"/>
      <c r="P240" s="286"/>
      <c r="Q240" s="286"/>
    </row>
    <row r="241" spans="1:17" s="95" customFormat="1" ht="9.75" customHeight="1">
      <c r="A241" s="763"/>
      <c r="B241" s="790"/>
      <c r="C241" s="790"/>
      <c r="D241" s="772"/>
      <c r="E241" s="762"/>
      <c r="F241" s="694"/>
      <c r="G241" s="759"/>
      <c r="H241" s="802"/>
      <c r="I241" s="803"/>
      <c r="J241" s="284"/>
      <c r="K241" s="284"/>
      <c r="L241" s="284"/>
      <c r="M241" s="284"/>
      <c r="N241" s="284"/>
      <c r="O241" s="284"/>
      <c r="P241" s="284"/>
      <c r="Q241" s="284"/>
    </row>
    <row r="242" spans="1:17" s="95" customFormat="1" ht="9.75" customHeight="1">
      <c r="A242" s="763"/>
      <c r="B242" s="790"/>
      <c r="C242" s="790"/>
      <c r="D242" s="790"/>
      <c r="E242" s="762"/>
      <c r="F242" s="694"/>
      <c r="G242" s="759"/>
      <c r="H242" s="804"/>
      <c r="I242" s="842"/>
      <c r="J242" s="284"/>
      <c r="K242" s="284"/>
      <c r="L242" s="284"/>
      <c r="M242" s="284"/>
      <c r="N242" s="284"/>
      <c r="O242" s="284"/>
      <c r="P242" s="284"/>
      <c r="Q242" s="284"/>
    </row>
    <row r="243" spans="1:17" s="94" customFormat="1" ht="9.9499999999999993" customHeight="1">
      <c r="A243" s="788"/>
      <c r="B243" s="772"/>
      <c r="C243" s="772"/>
      <c r="D243" s="772"/>
      <c r="E243" s="776"/>
      <c r="F243" s="791"/>
      <c r="G243" s="806"/>
      <c r="H243" s="807"/>
      <c r="I243" s="845"/>
      <c r="J243" s="286"/>
      <c r="K243" s="286"/>
      <c r="L243" s="286"/>
      <c r="M243" s="286"/>
      <c r="N243" s="286"/>
      <c r="O243" s="286"/>
      <c r="P243" s="286"/>
      <c r="Q243" s="286"/>
    </row>
    <row r="244" spans="1:17">
      <c r="A244" s="851"/>
      <c r="B244" s="851"/>
      <c r="C244" s="851"/>
      <c r="D244" s="851"/>
      <c r="E244" s="851"/>
      <c r="F244" s="851"/>
      <c r="G244" s="851"/>
      <c r="H244" s="851"/>
      <c r="I244" s="851"/>
      <c r="J244" s="851"/>
      <c r="K244" s="851"/>
      <c r="L244" s="851"/>
      <c r="M244" s="851"/>
      <c r="N244" s="851"/>
      <c r="O244" s="851"/>
      <c r="P244" s="851"/>
      <c r="Q244" s="851"/>
    </row>
    <row r="245" spans="1:17">
      <c r="A245" s="851"/>
      <c r="B245" s="851"/>
      <c r="C245" s="851"/>
      <c r="D245" s="851"/>
      <c r="E245" s="851"/>
      <c r="F245" s="851"/>
      <c r="G245" s="851"/>
      <c r="H245" s="851"/>
      <c r="I245" s="851"/>
      <c r="J245" s="851"/>
      <c r="K245" s="851"/>
      <c r="L245" s="851"/>
      <c r="M245" s="851"/>
      <c r="N245" s="851"/>
      <c r="O245" s="851"/>
      <c r="P245" s="851"/>
      <c r="Q245" s="851"/>
    </row>
    <row r="246" spans="1:17">
      <c r="A246" s="851"/>
      <c r="B246" s="851"/>
      <c r="C246" s="851"/>
      <c r="D246" s="851"/>
      <c r="E246" s="851"/>
      <c r="F246" s="851"/>
      <c r="G246" s="851"/>
      <c r="H246" s="851"/>
      <c r="I246" s="851"/>
      <c r="J246" s="851"/>
      <c r="K246" s="851"/>
      <c r="L246" s="851"/>
      <c r="M246" s="851"/>
      <c r="N246" s="851"/>
      <c r="O246" s="851"/>
      <c r="P246" s="851"/>
      <c r="Q246" s="851"/>
    </row>
    <row r="247" spans="1:17">
      <c r="A247" s="851"/>
      <c r="B247" s="851"/>
      <c r="C247" s="851"/>
      <c r="D247" s="851"/>
      <c r="E247" s="851"/>
      <c r="F247" s="851"/>
      <c r="G247" s="851"/>
      <c r="H247" s="851"/>
      <c r="I247" s="851"/>
      <c r="J247" s="851"/>
      <c r="K247" s="851"/>
      <c r="L247" s="851"/>
      <c r="M247" s="851"/>
      <c r="N247" s="851"/>
      <c r="O247" s="851"/>
      <c r="P247" s="851"/>
      <c r="Q247" s="851"/>
    </row>
    <row r="248" spans="1:17">
      <c r="A248" s="851"/>
      <c r="B248" s="851"/>
      <c r="C248" s="851"/>
      <c r="D248" s="851"/>
      <c r="E248" s="851"/>
      <c r="F248" s="851"/>
      <c r="G248" s="851"/>
      <c r="H248" s="851"/>
      <c r="I248" s="851"/>
      <c r="J248" s="851"/>
      <c r="K248" s="851"/>
      <c r="L248" s="851"/>
      <c r="M248" s="851"/>
      <c r="N248" s="851"/>
      <c r="O248" s="851"/>
      <c r="P248" s="851"/>
      <c r="Q248" s="851"/>
    </row>
    <row r="249" spans="1:17">
      <c r="A249" s="851"/>
      <c r="B249" s="851"/>
      <c r="C249" s="851"/>
      <c r="D249" s="851"/>
      <c r="E249" s="851"/>
      <c r="F249" s="851"/>
      <c r="G249" s="851"/>
      <c r="H249" s="851"/>
      <c r="I249" s="851"/>
      <c r="J249" s="851"/>
      <c r="K249" s="851"/>
      <c r="L249" s="851"/>
      <c r="M249" s="851"/>
      <c r="N249" s="851"/>
      <c r="O249" s="851"/>
      <c r="P249" s="851"/>
      <c r="Q249" s="851"/>
    </row>
    <row r="250" spans="1:17">
      <c r="A250" s="851"/>
      <c r="B250" s="851"/>
      <c r="C250" s="851"/>
      <c r="D250" s="851"/>
      <c r="E250" s="851"/>
      <c r="F250" s="851"/>
      <c r="G250" s="851"/>
      <c r="H250" s="851"/>
      <c r="I250" s="851"/>
      <c r="J250" s="851"/>
      <c r="K250" s="851"/>
      <c r="L250" s="851"/>
      <c r="M250" s="851"/>
      <c r="N250" s="851"/>
      <c r="O250" s="851"/>
      <c r="P250" s="851"/>
      <c r="Q250" s="851"/>
    </row>
    <row r="251" spans="1:17">
      <c r="A251" s="851"/>
      <c r="B251" s="851"/>
      <c r="C251" s="851"/>
      <c r="D251" s="851"/>
      <c r="E251" s="851"/>
      <c r="F251" s="851"/>
      <c r="G251" s="851"/>
      <c r="H251" s="851"/>
      <c r="I251" s="851"/>
      <c r="J251" s="851"/>
      <c r="K251" s="851"/>
      <c r="L251" s="851"/>
      <c r="M251" s="851"/>
      <c r="N251" s="851"/>
      <c r="O251" s="851"/>
      <c r="P251" s="851"/>
      <c r="Q251" s="851"/>
    </row>
    <row r="252" spans="1:17">
      <c r="A252" s="851"/>
      <c r="B252" s="851"/>
      <c r="C252" s="851"/>
      <c r="D252" s="851"/>
      <c r="E252" s="851"/>
      <c r="F252" s="851"/>
      <c r="G252" s="851"/>
      <c r="H252" s="851"/>
      <c r="I252" s="851"/>
      <c r="J252" s="851"/>
      <c r="K252" s="851"/>
      <c r="L252" s="851"/>
      <c r="M252" s="851"/>
      <c r="N252" s="851"/>
      <c r="O252" s="851"/>
      <c r="P252" s="851"/>
      <c r="Q252" s="851"/>
    </row>
    <row r="253" spans="1:17">
      <c r="A253" s="851"/>
      <c r="B253" s="851"/>
      <c r="C253" s="851"/>
      <c r="D253" s="851"/>
      <c r="E253" s="851"/>
      <c r="F253" s="851"/>
      <c r="G253" s="851"/>
      <c r="H253" s="851"/>
      <c r="I253" s="851"/>
      <c r="J253" s="851"/>
      <c r="K253" s="851"/>
      <c r="L253" s="851"/>
      <c r="M253" s="851"/>
      <c r="N253" s="851"/>
      <c r="O253" s="851"/>
      <c r="P253" s="851"/>
      <c r="Q253" s="851"/>
    </row>
    <row r="254" spans="1:17">
      <c r="A254" s="851"/>
      <c r="B254" s="851"/>
      <c r="C254" s="851"/>
      <c r="D254" s="851"/>
      <c r="E254" s="851"/>
      <c r="F254" s="851"/>
      <c r="G254" s="851"/>
      <c r="H254" s="851"/>
      <c r="I254" s="851"/>
      <c r="J254" s="851"/>
      <c r="K254" s="851"/>
      <c r="L254" s="851"/>
      <c r="M254" s="851"/>
      <c r="N254" s="851"/>
      <c r="O254" s="851"/>
      <c r="P254" s="851"/>
      <c r="Q254" s="851"/>
    </row>
    <row r="255" spans="1:17">
      <c r="A255" s="851"/>
      <c r="B255" s="851"/>
      <c r="C255" s="851"/>
      <c r="D255" s="851"/>
      <c r="E255" s="851"/>
      <c r="F255" s="851"/>
      <c r="G255" s="851"/>
      <c r="H255" s="851"/>
      <c r="I255" s="851"/>
      <c r="J255" s="851"/>
      <c r="K255" s="851"/>
      <c r="L255" s="851"/>
      <c r="M255" s="851"/>
      <c r="N255" s="851"/>
      <c r="O255" s="851"/>
      <c r="P255" s="851"/>
      <c r="Q255" s="851"/>
    </row>
    <row r="256" spans="1:17">
      <c r="A256" s="851"/>
      <c r="B256" s="851"/>
      <c r="C256" s="851"/>
      <c r="D256" s="851"/>
      <c r="E256" s="851"/>
      <c r="F256" s="851"/>
      <c r="G256" s="851"/>
      <c r="H256" s="851"/>
      <c r="I256" s="851"/>
      <c r="J256" s="851"/>
      <c r="K256" s="851"/>
      <c r="L256" s="851"/>
      <c r="M256" s="851"/>
      <c r="N256" s="851"/>
      <c r="O256" s="851"/>
      <c r="P256" s="851"/>
      <c r="Q256" s="851"/>
    </row>
    <row r="257" spans="1:17">
      <c r="A257" s="851"/>
      <c r="B257" s="851"/>
      <c r="C257" s="851"/>
      <c r="D257" s="851"/>
      <c r="E257" s="851"/>
      <c r="F257" s="851"/>
      <c r="G257" s="851"/>
      <c r="H257" s="851"/>
      <c r="I257" s="851"/>
      <c r="J257" s="851"/>
      <c r="K257" s="851"/>
      <c r="L257" s="851"/>
      <c r="M257" s="851"/>
      <c r="N257" s="851"/>
      <c r="O257" s="851"/>
      <c r="P257" s="851"/>
      <c r="Q257" s="851"/>
    </row>
    <row r="258" spans="1:17">
      <c r="A258" s="851"/>
      <c r="B258" s="851"/>
      <c r="C258" s="851"/>
      <c r="D258" s="851"/>
      <c r="E258" s="851"/>
      <c r="F258" s="851"/>
      <c r="G258" s="851"/>
      <c r="H258" s="851"/>
      <c r="I258" s="851"/>
      <c r="J258" s="851"/>
      <c r="K258" s="851"/>
      <c r="L258" s="851"/>
      <c r="M258" s="851"/>
      <c r="N258" s="851"/>
      <c r="O258" s="851"/>
      <c r="P258" s="851"/>
      <c r="Q258" s="851"/>
    </row>
    <row r="259" spans="1:17">
      <c r="A259" s="851"/>
      <c r="B259" s="851"/>
      <c r="C259" s="851"/>
      <c r="D259" s="851"/>
      <c r="E259" s="851"/>
      <c r="F259" s="851"/>
      <c r="G259" s="851"/>
      <c r="H259" s="851"/>
      <c r="I259" s="851"/>
      <c r="J259" s="851"/>
      <c r="K259" s="851"/>
      <c r="L259" s="851"/>
      <c r="M259" s="851"/>
      <c r="N259" s="851"/>
      <c r="O259" s="851"/>
      <c r="P259" s="851"/>
      <c r="Q259" s="851"/>
    </row>
    <row r="260" spans="1:17">
      <c r="A260" s="851"/>
      <c r="B260" s="851"/>
      <c r="C260" s="851"/>
      <c r="D260" s="851"/>
      <c r="E260" s="851"/>
      <c r="F260" s="851"/>
      <c r="G260" s="851"/>
      <c r="H260" s="851"/>
      <c r="I260" s="851"/>
      <c r="J260" s="851"/>
      <c r="K260" s="851"/>
      <c r="L260" s="851"/>
      <c r="M260" s="851"/>
      <c r="N260" s="851"/>
      <c r="O260" s="851"/>
      <c r="P260" s="851"/>
      <c r="Q260" s="851"/>
    </row>
    <row r="261" spans="1:17">
      <c r="A261" s="851"/>
      <c r="B261" s="851"/>
      <c r="C261" s="851"/>
      <c r="D261" s="851"/>
      <c r="E261" s="851"/>
      <c r="F261" s="851"/>
      <c r="G261" s="851"/>
      <c r="H261" s="851"/>
      <c r="I261" s="851"/>
      <c r="J261" s="851"/>
      <c r="K261" s="851"/>
      <c r="L261" s="851"/>
      <c r="M261" s="851"/>
      <c r="N261" s="851"/>
      <c r="O261" s="851"/>
      <c r="P261" s="851"/>
      <c r="Q261" s="851"/>
    </row>
    <row r="262" spans="1:17">
      <c r="A262" s="851"/>
      <c r="B262" s="851"/>
      <c r="C262" s="851"/>
      <c r="D262" s="851"/>
      <c r="E262" s="851"/>
      <c r="F262" s="851"/>
      <c r="G262" s="851"/>
      <c r="H262" s="851"/>
      <c r="I262" s="851"/>
      <c r="J262" s="851"/>
      <c r="K262" s="851"/>
      <c r="L262" s="851"/>
      <c r="M262" s="851"/>
      <c r="N262" s="851"/>
      <c r="O262" s="851"/>
      <c r="P262" s="851"/>
      <c r="Q262" s="851"/>
    </row>
    <row r="263" spans="1:17">
      <c r="A263" s="851"/>
      <c r="B263" s="851"/>
      <c r="C263" s="851"/>
      <c r="D263" s="851"/>
      <c r="E263" s="851"/>
      <c r="F263" s="851"/>
      <c r="G263" s="851"/>
      <c r="H263" s="851"/>
      <c r="I263" s="851"/>
      <c r="J263" s="851"/>
      <c r="K263" s="851"/>
      <c r="L263" s="851"/>
      <c r="M263" s="851"/>
      <c r="N263" s="851"/>
      <c r="O263" s="851"/>
      <c r="P263" s="851"/>
      <c r="Q263" s="851"/>
    </row>
    <row r="264" spans="1:17">
      <c r="A264" s="851"/>
      <c r="B264" s="851"/>
      <c r="C264" s="851"/>
      <c r="D264" s="851"/>
      <c r="E264" s="851"/>
      <c r="F264" s="851"/>
      <c r="G264" s="851"/>
      <c r="H264" s="851"/>
      <c r="I264" s="851"/>
      <c r="J264" s="851"/>
      <c r="K264" s="851"/>
      <c r="L264" s="851"/>
      <c r="M264" s="851"/>
      <c r="N264" s="851"/>
      <c r="O264" s="851"/>
      <c r="P264" s="851"/>
      <c r="Q264" s="851"/>
    </row>
    <row r="265" spans="1:17">
      <c r="A265" s="851"/>
      <c r="B265" s="851"/>
      <c r="C265" s="851"/>
      <c r="D265" s="851"/>
      <c r="E265" s="851"/>
      <c r="F265" s="851"/>
      <c r="G265" s="851"/>
      <c r="H265" s="851"/>
      <c r="I265" s="851"/>
      <c r="J265" s="851"/>
      <c r="K265" s="851"/>
      <c r="L265" s="851"/>
      <c r="M265" s="851"/>
      <c r="N265" s="851"/>
      <c r="O265" s="851"/>
      <c r="P265" s="851"/>
      <c r="Q265" s="851"/>
    </row>
    <row r="266" spans="1:17">
      <c r="A266" s="851"/>
      <c r="B266" s="851"/>
      <c r="C266" s="851"/>
      <c r="D266" s="851"/>
      <c r="E266" s="851"/>
      <c r="F266" s="851"/>
      <c r="G266" s="851"/>
      <c r="H266" s="851"/>
      <c r="I266" s="851"/>
      <c r="J266" s="851"/>
      <c r="K266" s="851"/>
      <c r="L266" s="851"/>
      <c r="M266" s="851"/>
      <c r="N266" s="851"/>
      <c r="O266" s="851"/>
      <c r="P266" s="851"/>
      <c r="Q266" s="851"/>
    </row>
    <row r="267" spans="1:17">
      <c r="A267" s="851"/>
      <c r="B267" s="851"/>
      <c r="C267" s="851"/>
      <c r="D267" s="851"/>
      <c r="E267" s="851"/>
      <c r="F267" s="851"/>
      <c r="G267" s="851"/>
      <c r="H267" s="851"/>
      <c r="I267" s="851"/>
      <c r="J267" s="851"/>
      <c r="K267" s="851"/>
      <c r="L267" s="851"/>
      <c r="M267" s="851"/>
      <c r="N267" s="851"/>
      <c r="O267" s="851"/>
      <c r="P267" s="851"/>
      <c r="Q267" s="851"/>
    </row>
    <row r="268" spans="1:17">
      <c r="A268" s="851"/>
      <c r="B268" s="851"/>
      <c r="C268" s="851"/>
      <c r="D268" s="851"/>
      <c r="E268" s="851"/>
      <c r="F268" s="851"/>
      <c r="G268" s="851"/>
      <c r="H268" s="851"/>
      <c r="I268" s="851"/>
      <c r="J268" s="851"/>
      <c r="K268" s="851"/>
      <c r="L268" s="851"/>
      <c r="M268" s="851"/>
      <c r="N268" s="851"/>
      <c r="O268" s="851"/>
      <c r="P268" s="851"/>
      <c r="Q268" s="851"/>
    </row>
    <row r="269" spans="1:17">
      <c r="A269" s="851"/>
      <c r="B269" s="851"/>
      <c r="C269" s="851"/>
      <c r="D269" s="851"/>
      <c r="E269" s="851"/>
      <c r="F269" s="851"/>
      <c r="G269" s="851"/>
      <c r="H269" s="851"/>
      <c r="I269" s="851"/>
      <c r="J269" s="851"/>
      <c r="K269" s="851"/>
      <c r="L269" s="851"/>
      <c r="M269" s="851"/>
      <c r="N269" s="851"/>
      <c r="O269" s="851"/>
      <c r="P269" s="851"/>
      <c r="Q269" s="851"/>
    </row>
    <row r="270" spans="1:17">
      <c r="A270" s="851"/>
      <c r="B270" s="851"/>
      <c r="C270" s="851"/>
      <c r="D270" s="851"/>
      <c r="E270" s="851"/>
      <c r="F270" s="851"/>
      <c r="G270" s="851"/>
      <c r="H270" s="851"/>
      <c r="I270" s="851"/>
      <c r="J270" s="851"/>
      <c r="K270" s="851"/>
      <c r="L270" s="851"/>
      <c r="M270" s="851"/>
      <c r="N270" s="851"/>
      <c r="O270" s="851"/>
      <c r="P270" s="851"/>
      <c r="Q270" s="851"/>
    </row>
    <row r="271" spans="1:17">
      <c r="A271" s="851"/>
      <c r="B271" s="851"/>
      <c r="C271" s="851"/>
      <c r="D271" s="851"/>
      <c r="E271" s="851"/>
      <c r="F271" s="851"/>
      <c r="G271" s="851"/>
      <c r="H271" s="851"/>
      <c r="I271" s="851"/>
      <c r="J271" s="851"/>
      <c r="K271" s="851"/>
      <c r="L271" s="851"/>
      <c r="M271" s="851"/>
      <c r="N271" s="851"/>
      <c r="O271" s="851"/>
      <c r="P271" s="851"/>
      <c r="Q271" s="851"/>
    </row>
    <row r="272" spans="1:17">
      <c r="A272" s="851"/>
      <c r="B272" s="851"/>
      <c r="C272" s="851"/>
      <c r="D272" s="851"/>
      <c r="E272" s="851"/>
      <c r="F272" s="851"/>
      <c r="G272" s="851"/>
      <c r="H272" s="851"/>
      <c r="I272" s="851"/>
      <c r="J272" s="851"/>
      <c r="K272" s="851"/>
      <c r="L272" s="851"/>
      <c r="M272" s="851"/>
      <c r="N272" s="851"/>
      <c r="O272" s="851"/>
      <c r="P272" s="851"/>
      <c r="Q272" s="851"/>
    </row>
    <row r="273" spans="1:17">
      <c r="A273" s="851"/>
      <c r="B273" s="851"/>
      <c r="C273" s="851"/>
      <c r="D273" s="851"/>
      <c r="E273" s="851"/>
      <c r="F273" s="851"/>
      <c r="G273" s="851"/>
      <c r="H273" s="851"/>
      <c r="I273" s="851"/>
      <c r="J273" s="851"/>
      <c r="K273" s="851"/>
      <c r="L273" s="851"/>
      <c r="M273" s="851"/>
      <c r="N273" s="851"/>
      <c r="O273" s="851"/>
      <c r="P273" s="851"/>
      <c r="Q273" s="851"/>
    </row>
    <row r="274" spans="1:17">
      <c r="A274" s="851"/>
      <c r="B274" s="851"/>
      <c r="C274" s="851"/>
      <c r="D274" s="851"/>
      <c r="E274" s="851"/>
      <c r="F274" s="851"/>
      <c r="G274" s="851"/>
      <c r="H274" s="851"/>
      <c r="I274" s="851"/>
      <c r="J274" s="851"/>
      <c r="K274" s="851"/>
      <c r="L274" s="851"/>
      <c r="M274" s="851"/>
      <c r="N274" s="851"/>
      <c r="O274" s="851"/>
      <c r="P274" s="851"/>
      <c r="Q274" s="851"/>
    </row>
    <row r="275" spans="1:17">
      <c r="A275" s="851"/>
      <c r="B275" s="851"/>
      <c r="C275" s="851"/>
      <c r="D275" s="851"/>
      <c r="E275" s="851"/>
      <c r="F275" s="851"/>
      <c r="G275" s="851"/>
      <c r="H275" s="851"/>
      <c r="I275" s="851"/>
      <c r="J275" s="851"/>
      <c r="K275" s="851"/>
      <c r="L275" s="851"/>
      <c r="M275" s="851"/>
      <c r="N275" s="851"/>
      <c r="O275" s="851"/>
      <c r="P275" s="851"/>
      <c r="Q275" s="851"/>
    </row>
    <row r="276" spans="1:17">
      <c r="A276" s="851"/>
      <c r="B276" s="851"/>
      <c r="C276" s="851"/>
      <c r="D276" s="851"/>
      <c r="E276" s="851"/>
      <c r="F276" s="851"/>
      <c r="G276" s="851"/>
      <c r="H276" s="851"/>
      <c r="I276" s="851"/>
      <c r="J276" s="851"/>
      <c r="K276" s="851"/>
      <c r="L276" s="851"/>
      <c r="M276" s="851"/>
      <c r="N276" s="851"/>
      <c r="O276" s="851"/>
      <c r="P276" s="851"/>
      <c r="Q276" s="851"/>
    </row>
    <row r="277" spans="1:17">
      <c r="A277" s="851"/>
      <c r="B277" s="851"/>
      <c r="C277" s="851"/>
      <c r="D277" s="851"/>
      <c r="E277" s="851"/>
      <c r="F277" s="851"/>
      <c r="G277" s="851"/>
      <c r="H277" s="851"/>
      <c r="I277" s="851"/>
      <c r="J277" s="851"/>
      <c r="K277" s="851"/>
      <c r="L277" s="851"/>
      <c r="M277" s="851"/>
      <c r="N277" s="851"/>
      <c r="O277" s="851"/>
      <c r="P277" s="851"/>
      <c r="Q277" s="851"/>
    </row>
    <row r="278" spans="1:17">
      <c r="A278" s="851"/>
      <c r="B278" s="851"/>
      <c r="C278" s="851"/>
      <c r="D278" s="851"/>
      <c r="E278" s="851"/>
      <c r="F278" s="851"/>
      <c r="G278" s="851"/>
      <c r="H278" s="851"/>
      <c r="I278" s="851"/>
      <c r="J278" s="851"/>
      <c r="K278" s="851"/>
      <c r="L278" s="851"/>
      <c r="M278" s="851"/>
      <c r="N278" s="851"/>
      <c r="O278" s="851"/>
      <c r="P278" s="851"/>
      <c r="Q278" s="851"/>
    </row>
    <row r="279" spans="1:17">
      <c r="A279" s="851"/>
      <c r="B279" s="851"/>
      <c r="C279" s="851"/>
      <c r="D279" s="851"/>
      <c r="E279" s="851"/>
      <c r="F279" s="851"/>
      <c r="G279" s="851"/>
      <c r="H279" s="851"/>
      <c r="I279" s="851"/>
      <c r="J279" s="851"/>
      <c r="K279" s="851"/>
      <c r="L279" s="851"/>
      <c r="M279" s="851"/>
      <c r="N279" s="851"/>
      <c r="O279" s="851"/>
      <c r="P279" s="851"/>
      <c r="Q279" s="851"/>
    </row>
    <row r="280" spans="1:17">
      <c r="A280" s="851"/>
      <c r="B280" s="851"/>
      <c r="C280" s="851"/>
      <c r="D280" s="851"/>
      <c r="E280" s="851"/>
      <c r="F280" s="851"/>
      <c r="G280" s="851"/>
      <c r="H280" s="851"/>
      <c r="I280" s="851"/>
      <c r="J280" s="851"/>
      <c r="K280" s="851"/>
      <c r="L280" s="851"/>
      <c r="M280" s="851"/>
      <c r="N280" s="851"/>
      <c r="O280" s="851"/>
      <c r="P280" s="851"/>
      <c r="Q280" s="851"/>
    </row>
    <row r="281" spans="1:17">
      <c r="A281" s="851"/>
      <c r="B281" s="851"/>
      <c r="C281" s="851"/>
      <c r="D281" s="851"/>
      <c r="E281" s="851"/>
      <c r="F281" s="851"/>
      <c r="G281" s="851"/>
      <c r="H281" s="851"/>
      <c r="I281" s="851"/>
      <c r="J281" s="851"/>
      <c r="K281" s="851"/>
      <c r="L281" s="851"/>
      <c r="M281" s="851"/>
      <c r="N281" s="851"/>
      <c r="O281" s="851"/>
      <c r="P281" s="851"/>
      <c r="Q281" s="851"/>
    </row>
    <row r="282" spans="1:17">
      <c r="A282" s="851"/>
      <c r="B282" s="851"/>
      <c r="C282" s="851"/>
      <c r="D282" s="851"/>
      <c r="E282" s="851"/>
      <c r="F282" s="851"/>
      <c r="G282" s="851"/>
      <c r="H282" s="851"/>
      <c r="I282" s="851"/>
      <c r="J282" s="851"/>
      <c r="K282" s="851"/>
      <c r="L282" s="851"/>
      <c r="M282" s="851"/>
      <c r="N282" s="851"/>
      <c r="O282" s="851"/>
      <c r="P282" s="851"/>
      <c r="Q282" s="851"/>
    </row>
    <row r="283" spans="1:17">
      <c r="A283" s="851"/>
      <c r="B283" s="851"/>
      <c r="C283" s="851"/>
      <c r="D283" s="851"/>
      <c r="E283" s="851"/>
      <c r="F283" s="851"/>
      <c r="G283" s="851"/>
      <c r="H283" s="851"/>
      <c r="I283" s="851"/>
      <c r="J283" s="851"/>
      <c r="K283" s="851"/>
      <c r="L283" s="851"/>
      <c r="M283" s="851"/>
      <c r="N283" s="851"/>
      <c r="O283" s="851"/>
      <c r="P283" s="851"/>
      <c r="Q283" s="851"/>
    </row>
    <row r="284" spans="1:17">
      <c r="A284" s="851"/>
      <c r="B284" s="851"/>
      <c r="C284" s="851"/>
      <c r="D284" s="851"/>
      <c r="E284" s="851"/>
      <c r="F284" s="851"/>
      <c r="G284" s="851"/>
      <c r="H284" s="851"/>
      <c r="I284" s="851"/>
      <c r="J284" s="851"/>
      <c r="K284" s="851"/>
      <c r="L284" s="851"/>
      <c r="M284" s="851"/>
      <c r="N284" s="851"/>
      <c r="O284" s="851"/>
      <c r="P284" s="851"/>
      <c r="Q284" s="851"/>
    </row>
    <row r="285" spans="1:17">
      <c r="A285" s="851"/>
      <c r="B285" s="851"/>
      <c r="C285" s="851"/>
      <c r="D285" s="851"/>
      <c r="E285" s="851"/>
      <c r="F285" s="851"/>
      <c r="G285" s="851"/>
      <c r="H285" s="851"/>
      <c r="I285" s="851"/>
      <c r="J285" s="851"/>
      <c r="K285" s="851"/>
      <c r="L285" s="851"/>
      <c r="M285" s="851"/>
      <c r="N285" s="851"/>
      <c r="O285" s="851"/>
      <c r="P285" s="851"/>
      <c r="Q285" s="851"/>
    </row>
    <row r="286" spans="1:17">
      <c r="A286" s="851"/>
      <c r="B286" s="851"/>
      <c r="C286" s="851"/>
      <c r="D286" s="851"/>
      <c r="E286" s="851"/>
      <c r="F286" s="851"/>
      <c r="G286" s="851"/>
      <c r="H286" s="851"/>
      <c r="I286" s="851"/>
      <c r="J286" s="851"/>
      <c r="K286" s="851"/>
      <c r="L286" s="851"/>
      <c r="M286" s="851"/>
      <c r="N286" s="851"/>
      <c r="O286" s="851"/>
      <c r="P286" s="851"/>
      <c r="Q286" s="851"/>
    </row>
    <row r="287" spans="1:17">
      <c r="A287" s="851"/>
      <c r="B287" s="851"/>
      <c r="C287" s="851"/>
      <c r="D287" s="851"/>
      <c r="E287" s="851"/>
      <c r="F287" s="851"/>
      <c r="G287" s="851"/>
      <c r="H287" s="851"/>
      <c r="I287" s="851"/>
      <c r="J287" s="851"/>
      <c r="K287" s="851"/>
      <c r="L287" s="851"/>
      <c r="M287" s="851"/>
      <c r="N287" s="851"/>
      <c r="O287" s="851"/>
      <c r="P287" s="851"/>
      <c r="Q287" s="851"/>
    </row>
    <row r="288" spans="1:17">
      <c r="A288" s="851"/>
      <c r="B288" s="851"/>
      <c r="C288" s="851"/>
      <c r="D288" s="851"/>
      <c r="E288" s="851"/>
      <c r="F288" s="851"/>
      <c r="G288" s="851"/>
      <c r="H288" s="851"/>
      <c r="I288" s="851"/>
      <c r="J288" s="851"/>
      <c r="K288" s="851"/>
      <c r="L288" s="851"/>
      <c r="M288" s="851"/>
      <c r="N288" s="851"/>
      <c r="O288" s="851"/>
      <c r="P288" s="851"/>
      <c r="Q288" s="851"/>
    </row>
    <row r="289" spans="1:17">
      <c r="A289" s="851"/>
      <c r="B289" s="851"/>
      <c r="C289" s="851"/>
      <c r="D289" s="851"/>
      <c r="E289" s="851"/>
      <c r="F289" s="851"/>
      <c r="G289" s="851"/>
      <c r="H289" s="851"/>
      <c r="I289" s="851"/>
      <c r="J289" s="851"/>
      <c r="K289" s="851"/>
      <c r="L289" s="851"/>
      <c r="M289" s="851"/>
      <c r="N289" s="851"/>
      <c r="O289" s="851"/>
      <c r="P289" s="851"/>
      <c r="Q289" s="851"/>
    </row>
    <row r="290" spans="1:17">
      <c r="A290" s="851"/>
      <c r="B290" s="851"/>
      <c r="C290" s="851"/>
      <c r="D290" s="851"/>
      <c r="E290" s="851"/>
      <c r="F290" s="851"/>
      <c r="G290" s="851"/>
      <c r="H290" s="851"/>
      <c r="I290" s="851"/>
      <c r="J290" s="851"/>
      <c r="K290" s="851"/>
      <c r="L290" s="851"/>
      <c r="M290" s="851"/>
      <c r="N290" s="851"/>
      <c r="O290" s="851"/>
      <c r="P290" s="851"/>
      <c r="Q290" s="851"/>
    </row>
    <row r="291" spans="1:17">
      <c r="A291" s="851"/>
      <c r="B291" s="851"/>
      <c r="C291" s="851"/>
      <c r="D291" s="851"/>
      <c r="E291" s="851"/>
      <c r="F291" s="851"/>
      <c r="G291" s="851"/>
      <c r="H291" s="851"/>
      <c r="I291" s="851"/>
      <c r="J291" s="851"/>
      <c r="K291" s="851"/>
      <c r="L291" s="851"/>
      <c r="M291" s="851"/>
      <c r="N291" s="851"/>
      <c r="O291" s="851"/>
      <c r="P291" s="851"/>
      <c r="Q291" s="851"/>
    </row>
    <row r="292" spans="1:17">
      <c r="A292" s="851"/>
      <c r="B292" s="851"/>
      <c r="C292" s="851"/>
      <c r="D292" s="851"/>
      <c r="E292" s="851"/>
      <c r="F292" s="851"/>
      <c r="G292" s="851"/>
      <c r="H292" s="851"/>
      <c r="I292" s="851"/>
      <c r="J292" s="851"/>
      <c r="K292" s="851"/>
      <c r="L292" s="851"/>
      <c r="M292" s="851"/>
      <c r="N292" s="851"/>
      <c r="O292" s="851"/>
      <c r="P292" s="851"/>
      <c r="Q292" s="851"/>
    </row>
    <row r="293" spans="1:17">
      <c r="A293" s="851"/>
      <c r="B293" s="851"/>
      <c r="C293" s="851"/>
      <c r="D293" s="851"/>
      <c r="E293" s="851"/>
      <c r="F293" s="851"/>
      <c r="G293" s="851"/>
      <c r="H293" s="851"/>
      <c r="I293" s="851"/>
      <c r="J293" s="851"/>
      <c r="K293" s="851"/>
      <c r="L293" s="851"/>
      <c r="M293" s="851"/>
      <c r="N293" s="851"/>
      <c r="O293" s="851"/>
      <c r="P293" s="851"/>
      <c r="Q293" s="851"/>
    </row>
    <row r="294" spans="1:17">
      <c r="A294" s="851"/>
      <c r="B294" s="851"/>
      <c r="C294" s="851"/>
      <c r="D294" s="851"/>
      <c r="E294" s="851"/>
      <c r="F294" s="851"/>
      <c r="G294" s="851"/>
      <c r="H294" s="851"/>
      <c r="I294" s="851"/>
      <c r="J294" s="851"/>
      <c r="K294" s="851"/>
      <c r="L294" s="851"/>
      <c r="M294" s="851"/>
      <c r="N294" s="851"/>
      <c r="O294" s="851"/>
      <c r="P294" s="851"/>
      <c r="Q294" s="851"/>
    </row>
    <row r="295" spans="1:17">
      <c r="A295" s="851"/>
      <c r="B295" s="851"/>
      <c r="C295" s="851"/>
      <c r="D295" s="851"/>
      <c r="E295" s="851"/>
      <c r="F295" s="851"/>
      <c r="G295" s="851"/>
      <c r="H295" s="851"/>
      <c r="I295" s="851"/>
      <c r="J295" s="851"/>
      <c r="K295" s="851"/>
      <c r="L295" s="851"/>
      <c r="M295" s="851"/>
      <c r="N295" s="851"/>
      <c r="O295" s="851"/>
      <c r="P295" s="851"/>
      <c r="Q295" s="851"/>
    </row>
    <row r="296" spans="1:17">
      <c r="A296" s="851"/>
      <c r="B296" s="851"/>
      <c r="C296" s="851"/>
      <c r="D296" s="851"/>
      <c r="E296" s="851"/>
      <c r="F296" s="851"/>
      <c r="G296" s="851"/>
      <c r="H296" s="851"/>
      <c r="I296" s="851"/>
      <c r="J296" s="851"/>
      <c r="K296" s="851"/>
      <c r="L296" s="851"/>
      <c r="M296" s="851"/>
      <c r="N296" s="851"/>
      <c r="O296" s="851"/>
      <c r="P296" s="851"/>
      <c r="Q296" s="851"/>
    </row>
    <row r="297" spans="1:17">
      <c r="A297" s="851"/>
      <c r="B297" s="851"/>
      <c r="C297" s="851"/>
      <c r="D297" s="851"/>
      <c r="E297" s="851"/>
      <c r="F297" s="851"/>
      <c r="G297" s="851"/>
      <c r="H297" s="851"/>
      <c r="I297" s="851"/>
      <c r="J297" s="851"/>
      <c r="K297" s="851"/>
      <c r="L297" s="851"/>
      <c r="M297" s="851"/>
      <c r="N297" s="851"/>
      <c r="O297" s="851"/>
      <c r="P297" s="851"/>
      <c r="Q297" s="851"/>
    </row>
    <row r="298" spans="1:17">
      <c r="A298" s="851"/>
      <c r="B298" s="851"/>
      <c r="C298" s="851"/>
      <c r="D298" s="851"/>
      <c r="E298" s="851"/>
      <c r="F298" s="851"/>
      <c r="G298" s="851"/>
      <c r="H298" s="851"/>
      <c r="I298" s="851"/>
      <c r="J298" s="851"/>
      <c r="K298" s="851"/>
      <c r="L298" s="851"/>
      <c r="M298" s="851"/>
      <c r="N298" s="851"/>
      <c r="O298" s="851"/>
      <c r="P298" s="851"/>
      <c r="Q298" s="851"/>
    </row>
    <row r="299" spans="1:17">
      <c r="A299" s="851"/>
      <c r="B299" s="851"/>
      <c r="C299" s="851"/>
      <c r="D299" s="851"/>
      <c r="E299" s="851"/>
      <c r="F299" s="851"/>
      <c r="G299" s="851"/>
      <c r="H299" s="851"/>
      <c r="I299" s="851"/>
      <c r="J299" s="851"/>
      <c r="K299" s="851"/>
      <c r="L299" s="851"/>
      <c r="M299" s="851"/>
      <c r="N299" s="851"/>
      <c r="O299" s="851"/>
      <c r="P299" s="851"/>
      <c r="Q299" s="851"/>
    </row>
    <row r="300" spans="1:17">
      <c r="A300" s="851"/>
      <c r="B300" s="851"/>
      <c r="C300" s="851"/>
      <c r="D300" s="851"/>
      <c r="E300" s="851"/>
      <c r="F300" s="851"/>
      <c r="G300" s="851"/>
      <c r="H300" s="851"/>
      <c r="I300" s="851"/>
      <c r="J300" s="851"/>
      <c r="K300" s="851"/>
      <c r="L300" s="851"/>
      <c r="M300" s="851"/>
      <c r="N300" s="851"/>
      <c r="O300" s="851"/>
      <c r="P300" s="851"/>
      <c r="Q300" s="851"/>
    </row>
    <row r="301" spans="1:17">
      <c r="A301" s="851"/>
      <c r="B301" s="851"/>
      <c r="C301" s="851"/>
      <c r="D301" s="851"/>
      <c r="E301" s="851"/>
      <c r="F301" s="851"/>
      <c r="G301" s="851"/>
      <c r="H301" s="851"/>
      <c r="I301" s="851"/>
      <c r="J301" s="851"/>
      <c r="K301" s="851"/>
      <c r="L301" s="851"/>
      <c r="M301" s="851"/>
      <c r="N301" s="851"/>
      <c r="O301" s="851"/>
      <c r="P301" s="851"/>
      <c r="Q301" s="851"/>
    </row>
    <row r="302" spans="1:17">
      <c r="A302" s="851"/>
      <c r="B302" s="851"/>
      <c r="C302" s="851"/>
      <c r="D302" s="851"/>
      <c r="E302" s="851"/>
      <c r="F302" s="851"/>
      <c r="G302" s="851"/>
      <c r="H302" s="851"/>
      <c r="I302" s="851"/>
      <c r="J302" s="851"/>
      <c r="K302" s="851"/>
      <c r="L302" s="851"/>
      <c r="M302" s="851"/>
      <c r="N302" s="851"/>
      <c r="O302" s="851"/>
      <c r="P302" s="851"/>
      <c r="Q302" s="851"/>
    </row>
    <row r="303" spans="1:17">
      <c r="A303" s="851"/>
      <c r="B303" s="851"/>
      <c r="C303" s="851"/>
      <c r="D303" s="851"/>
      <c r="E303" s="851"/>
      <c r="F303" s="851"/>
      <c r="G303" s="851"/>
      <c r="H303" s="851"/>
      <c r="I303" s="851"/>
      <c r="J303" s="851"/>
      <c r="K303" s="851"/>
      <c r="L303" s="851"/>
      <c r="M303" s="851"/>
      <c r="N303" s="851"/>
      <c r="O303" s="851"/>
      <c r="P303" s="851"/>
      <c r="Q303" s="851"/>
    </row>
    <row r="304" spans="1:17">
      <c r="A304" s="851"/>
      <c r="B304" s="851"/>
      <c r="C304" s="851"/>
      <c r="D304" s="851"/>
      <c r="E304" s="851"/>
      <c r="F304" s="851"/>
      <c r="G304" s="851"/>
      <c r="H304" s="851"/>
      <c r="I304" s="851"/>
      <c r="J304" s="851"/>
      <c r="K304" s="851"/>
      <c r="L304" s="851"/>
      <c r="M304" s="851"/>
      <c r="N304" s="851"/>
      <c r="O304" s="851"/>
      <c r="P304" s="851"/>
      <c r="Q304" s="851"/>
    </row>
    <row r="305" spans="1:17">
      <c r="A305" s="851"/>
      <c r="B305" s="851"/>
      <c r="C305" s="851"/>
      <c r="D305" s="851"/>
      <c r="E305" s="851"/>
      <c r="F305" s="851"/>
      <c r="G305" s="851"/>
      <c r="H305" s="851"/>
      <c r="I305" s="851"/>
      <c r="J305" s="851"/>
      <c r="K305" s="851"/>
      <c r="L305" s="851"/>
      <c r="M305" s="851"/>
      <c r="N305" s="851"/>
      <c r="O305" s="851"/>
      <c r="P305" s="851"/>
      <c r="Q305" s="851"/>
    </row>
    <row r="306" spans="1:17">
      <c r="A306" s="851"/>
      <c r="B306" s="851"/>
      <c r="C306" s="851"/>
      <c r="D306" s="851"/>
      <c r="E306" s="851"/>
      <c r="F306" s="851"/>
      <c r="G306" s="851"/>
      <c r="H306" s="851"/>
      <c r="I306" s="851"/>
      <c r="J306" s="851"/>
      <c r="K306" s="851"/>
      <c r="L306" s="851"/>
      <c r="M306" s="851"/>
      <c r="N306" s="851"/>
      <c r="O306" s="851"/>
      <c r="P306" s="851"/>
      <c r="Q306" s="851"/>
    </row>
    <row r="307" spans="1:17">
      <c r="A307" s="851"/>
      <c r="B307" s="851"/>
      <c r="C307" s="851"/>
      <c r="D307" s="851"/>
      <c r="E307" s="851"/>
      <c r="F307" s="851"/>
      <c r="G307" s="851"/>
      <c r="H307" s="851"/>
      <c r="I307" s="851"/>
      <c r="J307" s="851"/>
      <c r="K307" s="851"/>
      <c r="L307" s="851"/>
      <c r="M307" s="851"/>
      <c r="N307" s="851"/>
      <c r="O307" s="851"/>
      <c r="P307" s="851"/>
      <c r="Q307" s="851"/>
    </row>
    <row r="308" spans="1:17">
      <c r="A308" s="851"/>
      <c r="B308" s="851"/>
      <c r="C308" s="851"/>
      <c r="D308" s="851"/>
      <c r="E308" s="851"/>
      <c r="F308" s="851"/>
      <c r="G308" s="851"/>
      <c r="H308" s="851"/>
      <c r="I308" s="851"/>
      <c r="J308" s="851"/>
      <c r="K308" s="851"/>
      <c r="L308" s="851"/>
      <c r="M308" s="851"/>
      <c r="N308" s="851"/>
      <c r="O308" s="851"/>
      <c r="P308" s="851"/>
      <c r="Q308" s="851"/>
    </row>
    <row r="309" spans="1:17">
      <c r="A309" s="851"/>
      <c r="B309" s="851"/>
      <c r="C309" s="851"/>
      <c r="D309" s="851"/>
      <c r="E309" s="851"/>
      <c r="F309" s="851"/>
      <c r="G309" s="851"/>
      <c r="H309" s="851"/>
      <c r="I309" s="851"/>
      <c r="J309" s="851"/>
      <c r="K309" s="851"/>
      <c r="L309" s="851"/>
      <c r="M309" s="851"/>
      <c r="N309" s="851"/>
      <c r="O309" s="851"/>
      <c r="P309" s="851"/>
      <c r="Q309" s="851"/>
    </row>
    <row r="310" spans="1:17">
      <c r="A310" s="851"/>
      <c r="B310" s="851"/>
      <c r="C310" s="851"/>
      <c r="D310" s="851"/>
      <c r="E310" s="851"/>
      <c r="F310" s="851"/>
      <c r="G310" s="851"/>
      <c r="H310" s="851"/>
      <c r="I310" s="851"/>
      <c r="J310" s="851"/>
      <c r="K310" s="851"/>
      <c r="L310" s="851"/>
      <c r="M310" s="851"/>
      <c r="N310" s="851"/>
      <c r="O310" s="851"/>
      <c r="P310" s="851"/>
      <c r="Q310" s="851"/>
    </row>
    <row r="311" spans="1:17">
      <c r="A311" s="851"/>
      <c r="B311" s="851"/>
      <c r="C311" s="851"/>
      <c r="D311" s="851"/>
      <c r="E311" s="851"/>
      <c r="F311" s="851"/>
      <c r="G311" s="851"/>
      <c r="H311" s="851"/>
      <c r="I311" s="851"/>
      <c r="J311" s="851"/>
      <c r="K311" s="851"/>
      <c r="L311" s="851"/>
      <c r="M311" s="851"/>
      <c r="N311" s="851"/>
      <c r="O311" s="851"/>
      <c r="P311" s="851"/>
      <c r="Q311" s="851"/>
    </row>
    <row r="312" spans="1:17">
      <c r="A312" s="851"/>
      <c r="B312" s="851"/>
      <c r="C312" s="851"/>
      <c r="D312" s="851"/>
      <c r="E312" s="851"/>
      <c r="F312" s="851"/>
      <c r="G312" s="851"/>
      <c r="H312" s="851"/>
      <c r="I312" s="851"/>
      <c r="J312" s="851"/>
      <c r="K312" s="851"/>
      <c r="L312" s="851"/>
      <c r="M312" s="851"/>
      <c r="N312" s="851"/>
      <c r="O312" s="851"/>
      <c r="P312" s="851"/>
      <c r="Q312" s="851"/>
    </row>
    <row r="313" spans="1:17">
      <c r="A313" s="851"/>
      <c r="B313" s="851"/>
      <c r="C313" s="851"/>
      <c r="D313" s="851"/>
      <c r="E313" s="851"/>
      <c r="F313" s="851"/>
      <c r="G313" s="851"/>
      <c r="H313" s="851"/>
      <c r="I313" s="851"/>
      <c r="J313" s="851"/>
      <c r="K313" s="851"/>
      <c r="L313" s="851"/>
      <c r="M313" s="851"/>
      <c r="N313" s="851"/>
      <c r="O313" s="851"/>
      <c r="P313" s="851"/>
      <c r="Q313" s="851"/>
    </row>
    <row r="314" spans="1:17">
      <c r="A314" s="851"/>
      <c r="B314" s="851"/>
      <c r="C314" s="851"/>
      <c r="D314" s="851"/>
      <c r="E314" s="851"/>
      <c r="F314" s="851"/>
      <c r="G314" s="851"/>
      <c r="H314" s="851"/>
      <c r="I314" s="851"/>
      <c r="J314" s="851"/>
      <c r="K314" s="851"/>
      <c r="L314" s="851"/>
      <c r="M314" s="851"/>
      <c r="N314" s="851"/>
      <c r="O314" s="851"/>
      <c r="P314" s="851"/>
      <c r="Q314" s="851"/>
    </row>
    <row r="315" spans="1:17">
      <c r="A315" s="851"/>
      <c r="B315" s="851"/>
      <c r="C315" s="851"/>
      <c r="D315" s="851"/>
      <c r="E315" s="851"/>
      <c r="F315" s="851"/>
      <c r="G315" s="851"/>
      <c r="H315" s="851"/>
      <c r="I315" s="851"/>
      <c r="J315" s="851"/>
      <c r="K315" s="851"/>
      <c r="L315" s="851"/>
      <c r="M315" s="851"/>
      <c r="N315" s="851"/>
      <c r="O315" s="851"/>
      <c r="P315" s="851"/>
      <c r="Q315" s="851"/>
    </row>
    <row r="316" spans="1:17">
      <c r="A316" s="851"/>
      <c r="B316" s="851"/>
      <c r="C316" s="851"/>
      <c r="D316" s="851"/>
      <c r="E316" s="851"/>
      <c r="F316" s="851"/>
      <c r="G316" s="851"/>
      <c r="H316" s="851"/>
      <c r="I316" s="851"/>
      <c r="J316" s="851"/>
      <c r="K316" s="851"/>
      <c r="L316" s="851"/>
      <c r="M316" s="851"/>
      <c r="N316" s="851"/>
      <c r="O316" s="851"/>
      <c r="P316" s="851"/>
      <c r="Q316" s="851"/>
    </row>
    <row r="317" spans="1:17">
      <c r="A317" s="851"/>
      <c r="B317" s="851"/>
      <c r="C317" s="851"/>
      <c r="D317" s="851"/>
      <c r="E317" s="851"/>
      <c r="F317" s="851"/>
      <c r="G317" s="851"/>
      <c r="H317" s="851"/>
      <c r="I317" s="851"/>
      <c r="J317" s="851"/>
      <c r="K317" s="851"/>
      <c r="L317" s="851"/>
      <c r="M317" s="851"/>
      <c r="N317" s="851"/>
      <c r="O317" s="851"/>
      <c r="P317" s="851"/>
      <c r="Q317" s="851"/>
    </row>
    <row r="318" spans="1:17">
      <c r="A318" s="851"/>
      <c r="B318" s="851"/>
      <c r="C318" s="851"/>
      <c r="D318" s="851"/>
      <c r="E318" s="851"/>
      <c r="F318" s="851"/>
      <c r="G318" s="851"/>
      <c r="H318" s="851"/>
      <c r="I318" s="851"/>
      <c r="J318" s="851"/>
      <c r="K318" s="851"/>
      <c r="L318" s="851"/>
      <c r="M318" s="851"/>
      <c r="N318" s="851"/>
      <c r="O318" s="851"/>
      <c r="P318" s="851"/>
      <c r="Q318" s="851"/>
    </row>
    <row r="319" spans="1:17">
      <c r="A319" s="851"/>
      <c r="B319" s="851"/>
      <c r="C319" s="851"/>
      <c r="D319" s="851"/>
      <c r="E319" s="851"/>
      <c r="F319" s="851"/>
      <c r="G319" s="851"/>
      <c r="H319" s="851"/>
      <c r="I319" s="851"/>
      <c r="J319" s="851"/>
      <c r="K319" s="851"/>
      <c r="L319" s="851"/>
      <c r="M319" s="851"/>
      <c r="N319" s="851"/>
      <c r="O319" s="851"/>
      <c r="P319" s="851"/>
      <c r="Q319" s="851"/>
    </row>
    <row r="320" spans="1:17">
      <c r="A320" s="851"/>
      <c r="B320" s="851"/>
      <c r="C320" s="851"/>
      <c r="D320" s="851"/>
      <c r="E320" s="851"/>
      <c r="F320" s="851"/>
      <c r="G320" s="851"/>
      <c r="H320" s="851"/>
      <c r="I320" s="851"/>
      <c r="J320" s="851"/>
      <c r="K320" s="851"/>
      <c r="L320" s="851"/>
      <c r="M320" s="851"/>
      <c r="N320" s="851"/>
      <c r="O320" s="851"/>
      <c r="P320" s="851"/>
      <c r="Q320" s="851"/>
    </row>
    <row r="321" spans="1:17">
      <c r="A321" s="851"/>
      <c r="B321" s="851"/>
      <c r="C321" s="851"/>
      <c r="D321" s="851"/>
      <c r="E321" s="851"/>
      <c r="F321" s="851"/>
      <c r="G321" s="851"/>
      <c r="H321" s="851"/>
      <c r="I321" s="851"/>
      <c r="J321" s="851"/>
      <c r="K321" s="851"/>
      <c r="L321" s="851"/>
      <c r="M321" s="851"/>
      <c r="N321" s="851"/>
      <c r="O321" s="851"/>
      <c r="P321" s="851"/>
      <c r="Q321" s="851"/>
    </row>
    <row r="322" spans="1:17">
      <c r="A322" s="851"/>
      <c r="B322" s="851"/>
      <c r="C322" s="851"/>
      <c r="D322" s="851"/>
      <c r="E322" s="851"/>
      <c r="F322" s="851"/>
      <c r="G322" s="851"/>
      <c r="H322" s="851"/>
      <c r="I322" s="851"/>
      <c r="J322" s="851"/>
      <c r="K322" s="851"/>
      <c r="L322" s="851"/>
      <c r="M322" s="851"/>
      <c r="N322" s="851"/>
      <c r="O322" s="851"/>
      <c r="P322" s="851"/>
      <c r="Q322" s="851"/>
    </row>
    <row r="323" spans="1:17">
      <c r="A323" s="851"/>
      <c r="B323" s="851"/>
      <c r="C323" s="851"/>
      <c r="D323" s="851"/>
      <c r="E323" s="851"/>
      <c r="F323" s="851"/>
      <c r="G323" s="851"/>
      <c r="H323" s="851"/>
      <c r="I323" s="851"/>
      <c r="J323" s="851"/>
      <c r="K323" s="851"/>
      <c r="L323" s="851"/>
      <c r="M323" s="851"/>
      <c r="N323" s="851"/>
      <c r="O323" s="851"/>
      <c r="P323" s="851"/>
      <c r="Q323" s="851"/>
    </row>
    <row r="324" spans="1:17">
      <c r="A324" s="851"/>
      <c r="B324" s="851"/>
      <c r="C324" s="851"/>
      <c r="D324" s="851"/>
      <c r="E324" s="851"/>
      <c r="F324" s="851"/>
      <c r="G324" s="851"/>
      <c r="H324" s="851"/>
      <c r="I324" s="851"/>
      <c r="J324" s="851"/>
      <c r="K324" s="851"/>
      <c r="L324" s="851"/>
      <c r="M324" s="851"/>
      <c r="N324" s="851"/>
      <c r="O324" s="851"/>
      <c r="P324" s="851"/>
      <c r="Q324" s="851"/>
    </row>
    <row r="325" spans="1:17">
      <c r="A325" s="851"/>
      <c r="B325" s="851"/>
      <c r="C325" s="851"/>
      <c r="D325" s="851"/>
      <c r="E325" s="851"/>
      <c r="F325" s="851"/>
      <c r="G325" s="851"/>
      <c r="H325" s="851"/>
      <c r="I325" s="851"/>
      <c r="J325" s="851"/>
      <c r="K325" s="851"/>
      <c r="L325" s="851"/>
      <c r="M325" s="851"/>
      <c r="N325" s="851"/>
      <c r="O325" s="851"/>
      <c r="P325" s="851"/>
      <c r="Q325" s="851"/>
    </row>
    <row r="326" spans="1:17">
      <c r="A326" s="851"/>
      <c r="B326" s="851"/>
      <c r="C326" s="851"/>
      <c r="D326" s="851"/>
      <c r="E326" s="851"/>
      <c r="F326" s="851"/>
      <c r="G326" s="851"/>
      <c r="H326" s="851"/>
      <c r="I326" s="851"/>
      <c r="J326" s="851"/>
      <c r="K326" s="851"/>
      <c r="L326" s="851"/>
      <c r="M326" s="851"/>
      <c r="N326" s="851"/>
      <c r="O326" s="851"/>
      <c r="P326" s="851"/>
      <c r="Q326" s="851"/>
    </row>
    <row r="327" spans="1:17">
      <c r="A327" s="851"/>
      <c r="B327" s="851"/>
      <c r="C327" s="851"/>
      <c r="D327" s="851"/>
      <c r="E327" s="851"/>
      <c r="F327" s="851"/>
      <c r="G327" s="851"/>
      <c r="H327" s="851"/>
      <c r="I327" s="851"/>
      <c r="J327" s="851"/>
      <c r="K327" s="851"/>
      <c r="L327" s="851"/>
      <c r="M327" s="851"/>
      <c r="N327" s="851"/>
      <c r="O327" s="851"/>
      <c r="P327" s="851"/>
      <c r="Q327" s="851"/>
    </row>
    <row r="328" spans="1:17">
      <c r="A328" s="851"/>
      <c r="B328" s="851"/>
      <c r="C328" s="851"/>
      <c r="D328" s="851"/>
      <c r="E328" s="851"/>
      <c r="F328" s="851"/>
      <c r="G328" s="851"/>
      <c r="H328" s="851"/>
      <c r="I328" s="851"/>
      <c r="J328" s="851"/>
      <c r="K328" s="851"/>
      <c r="L328" s="851"/>
      <c r="M328" s="851"/>
      <c r="N328" s="851"/>
      <c r="O328" s="851"/>
      <c r="P328" s="851"/>
      <c r="Q328" s="851"/>
    </row>
    <row r="329" spans="1:17">
      <c r="A329" s="851"/>
      <c r="B329" s="851"/>
      <c r="C329" s="851"/>
      <c r="D329" s="851"/>
      <c r="E329" s="851"/>
      <c r="F329" s="851"/>
      <c r="G329" s="851"/>
      <c r="H329" s="851"/>
      <c r="I329" s="851"/>
      <c r="J329" s="851"/>
      <c r="K329" s="851"/>
      <c r="L329" s="851"/>
      <c r="M329" s="851"/>
      <c r="N329" s="851"/>
      <c r="O329" s="851"/>
      <c r="P329" s="851"/>
      <c r="Q329" s="851"/>
    </row>
    <row r="330" spans="1:17">
      <c r="A330" s="851"/>
      <c r="B330" s="851"/>
      <c r="C330" s="851"/>
      <c r="D330" s="851"/>
      <c r="E330" s="851"/>
      <c r="F330" s="851"/>
      <c r="G330" s="851"/>
      <c r="H330" s="851"/>
      <c r="I330" s="851"/>
      <c r="J330" s="851"/>
      <c r="K330" s="851"/>
      <c r="L330" s="851"/>
      <c r="M330" s="851"/>
      <c r="N330" s="851"/>
      <c r="O330" s="851"/>
      <c r="P330" s="851"/>
      <c r="Q330" s="851"/>
    </row>
    <row r="331" spans="1:17">
      <c r="A331" s="851"/>
      <c r="B331" s="851"/>
      <c r="C331" s="851"/>
      <c r="D331" s="851"/>
      <c r="E331" s="851"/>
      <c r="F331" s="851"/>
      <c r="G331" s="851"/>
      <c r="H331" s="851"/>
      <c r="I331" s="851"/>
      <c r="J331" s="851"/>
      <c r="K331" s="851"/>
      <c r="L331" s="851"/>
      <c r="M331" s="851"/>
      <c r="N331" s="851"/>
      <c r="O331" s="851"/>
      <c r="P331" s="851"/>
      <c r="Q331" s="851"/>
    </row>
    <row r="332" spans="1:17">
      <c r="A332" s="851"/>
      <c r="B332" s="851"/>
      <c r="C332" s="851"/>
      <c r="D332" s="851"/>
      <c r="E332" s="851"/>
      <c r="F332" s="851"/>
      <c r="G332" s="851"/>
      <c r="H332" s="851"/>
      <c r="I332" s="851"/>
      <c r="J332" s="851"/>
      <c r="K332" s="851"/>
      <c r="L332" s="851"/>
      <c r="M332" s="851"/>
      <c r="N332" s="851"/>
      <c r="O332" s="851"/>
      <c r="P332" s="851"/>
      <c r="Q332" s="851"/>
    </row>
    <row r="333" spans="1:17">
      <c r="A333" s="851"/>
      <c r="B333" s="851"/>
      <c r="C333" s="851"/>
      <c r="D333" s="851"/>
      <c r="E333" s="851"/>
      <c r="F333" s="851"/>
      <c r="G333" s="851"/>
      <c r="H333" s="851"/>
      <c r="I333" s="851"/>
      <c r="J333" s="851"/>
      <c r="K333" s="851"/>
      <c r="L333" s="851"/>
      <c r="M333" s="851"/>
      <c r="N333" s="851"/>
      <c r="O333" s="851"/>
      <c r="P333" s="851"/>
      <c r="Q333" s="851"/>
    </row>
    <row r="334" spans="1:17">
      <c r="A334" s="851"/>
      <c r="B334" s="851"/>
      <c r="C334" s="851"/>
      <c r="D334" s="851"/>
      <c r="E334" s="851"/>
      <c r="F334" s="851"/>
      <c r="G334" s="851"/>
      <c r="H334" s="851"/>
      <c r="I334" s="851"/>
      <c r="J334" s="851"/>
      <c r="K334" s="851"/>
      <c r="L334" s="851"/>
      <c r="M334" s="851"/>
      <c r="N334" s="851"/>
      <c r="O334" s="851"/>
      <c r="P334" s="851"/>
      <c r="Q334" s="851"/>
    </row>
    <row r="335" spans="1:17">
      <c r="A335" s="851"/>
      <c r="B335" s="851"/>
      <c r="C335" s="851"/>
      <c r="D335" s="851"/>
      <c r="E335" s="851"/>
      <c r="F335" s="851"/>
      <c r="G335" s="851"/>
      <c r="H335" s="851"/>
      <c r="I335" s="851"/>
      <c r="J335" s="851"/>
      <c r="K335" s="851"/>
      <c r="L335" s="851"/>
      <c r="M335" s="851"/>
      <c r="N335" s="851"/>
      <c r="O335" s="851"/>
      <c r="P335" s="851"/>
      <c r="Q335" s="851"/>
    </row>
    <row r="336" spans="1:17">
      <c r="A336" s="851"/>
      <c r="B336" s="851"/>
      <c r="C336" s="851"/>
      <c r="D336" s="851"/>
      <c r="E336" s="851"/>
      <c r="F336" s="851"/>
      <c r="G336" s="851"/>
      <c r="H336" s="851"/>
      <c r="I336" s="851"/>
      <c r="J336" s="851"/>
      <c r="K336" s="851"/>
      <c r="L336" s="851"/>
      <c r="M336" s="851"/>
      <c r="N336" s="851"/>
      <c r="O336" s="851"/>
      <c r="P336" s="851"/>
      <c r="Q336" s="851"/>
    </row>
    <row r="337" spans="1:17">
      <c r="A337" s="851"/>
      <c r="B337" s="851"/>
      <c r="C337" s="851"/>
      <c r="D337" s="851"/>
      <c r="E337" s="851"/>
      <c r="F337" s="851"/>
      <c r="G337" s="851"/>
      <c r="H337" s="851"/>
      <c r="I337" s="851"/>
      <c r="J337" s="851"/>
      <c r="K337" s="851"/>
      <c r="L337" s="851"/>
      <c r="M337" s="851"/>
      <c r="N337" s="851"/>
      <c r="O337" s="851"/>
      <c r="P337" s="851"/>
      <c r="Q337" s="851"/>
    </row>
    <row r="338" spans="1:17">
      <c r="A338" s="851"/>
      <c r="B338" s="851"/>
      <c r="C338" s="851"/>
      <c r="D338" s="851"/>
      <c r="E338" s="851"/>
      <c r="F338" s="851"/>
      <c r="G338" s="851"/>
      <c r="H338" s="851"/>
      <c r="I338" s="851"/>
      <c r="J338" s="851"/>
      <c r="K338" s="851"/>
      <c r="L338" s="851"/>
      <c r="M338" s="851"/>
      <c r="N338" s="851"/>
      <c r="O338" s="851"/>
      <c r="P338" s="851"/>
      <c r="Q338" s="851"/>
    </row>
    <row r="339" spans="1:17">
      <c r="A339" s="851"/>
      <c r="B339" s="851"/>
      <c r="C339" s="851"/>
      <c r="D339" s="851"/>
      <c r="E339" s="851"/>
      <c r="F339" s="851"/>
      <c r="G339" s="851"/>
      <c r="H339" s="851"/>
      <c r="I339" s="851"/>
      <c r="J339" s="851"/>
      <c r="K339" s="851"/>
      <c r="L339" s="851"/>
      <c r="M339" s="851"/>
      <c r="N339" s="851"/>
      <c r="O339" s="851"/>
      <c r="P339" s="851"/>
      <c r="Q339" s="851"/>
    </row>
    <row r="340" spans="1:17">
      <c r="A340" s="851"/>
      <c r="B340" s="851"/>
      <c r="C340" s="851"/>
      <c r="D340" s="851"/>
      <c r="E340" s="851"/>
      <c r="F340" s="851"/>
      <c r="G340" s="851"/>
      <c r="H340" s="851"/>
      <c r="I340" s="851"/>
      <c r="J340" s="851"/>
      <c r="K340" s="851"/>
      <c r="L340" s="851"/>
      <c r="M340" s="851"/>
      <c r="N340" s="851"/>
      <c r="O340" s="851"/>
      <c r="P340" s="851"/>
      <c r="Q340" s="851"/>
    </row>
    <row r="341" spans="1:17">
      <c r="A341" s="851"/>
      <c r="B341" s="851"/>
      <c r="C341" s="851"/>
      <c r="D341" s="851"/>
      <c r="E341" s="851"/>
      <c r="F341" s="851"/>
      <c r="G341" s="851"/>
      <c r="H341" s="851"/>
      <c r="I341" s="851"/>
      <c r="J341" s="851"/>
      <c r="K341" s="851"/>
      <c r="L341" s="851"/>
      <c r="M341" s="851"/>
      <c r="N341" s="851"/>
      <c r="O341" s="851"/>
      <c r="P341" s="851"/>
      <c r="Q341" s="851"/>
    </row>
    <row r="342" spans="1:17">
      <c r="A342" s="851"/>
      <c r="B342" s="851"/>
      <c r="C342" s="851"/>
      <c r="D342" s="851"/>
      <c r="E342" s="851"/>
      <c r="F342" s="851"/>
      <c r="G342" s="851"/>
      <c r="H342" s="851"/>
      <c r="I342" s="851"/>
      <c r="J342" s="851"/>
      <c r="K342" s="851"/>
      <c r="L342" s="851"/>
      <c r="M342" s="851"/>
      <c r="N342" s="851"/>
      <c r="O342" s="851"/>
      <c r="P342" s="851"/>
      <c r="Q342" s="851"/>
    </row>
    <row r="343" spans="1:17">
      <c r="A343" s="851"/>
      <c r="B343" s="851"/>
      <c r="C343" s="851"/>
      <c r="D343" s="851"/>
      <c r="E343" s="851"/>
      <c r="F343" s="851"/>
      <c r="G343" s="851"/>
      <c r="H343" s="851"/>
      <c r="I343" s="851"/>
      <c r="J343" s="851"/>
      <c r="K343" s="851"/>
      <c r="L343" s="851"/>
      <c r="M343" s="851"/>
      <c r="N343" s="851"/>
      <c r="O343" s="851"/>
      <c r="P343" s="851"/>
      <c r="Q343" s="851"/>
    </row>
    <row r="344" spans="1:17">
      <c r="A344" s="851"/>
      <c r="B344" s="851"/>
      <c r="C344" s="851"/>
      <c r="D344" s="851"/>
      <c r="E344" s="851"/>
      <c r="F344" s="851"/>
      <c r="G344" s="851"/>
      <c r="H344" s="851"/>
      <c r="I344" s="851"/>
      <c r="J344" s="851"/>
      <c r="K344" s="851"/>
      <c r="L344" s="851"/>
      <c r="M344" s="851"/>
      <c r="N344" s="851"/>
      <c r="O344" s="851"/>
      <c r="P344" s="851"/>
      <c r="Q344" s="851"/>
    </row>
    <row r="345" spans="1:17">
      <c r="A345" s="851"/>
      <c r="B345" s="851"/>
      <c r="C345" s="851"/>
      <c r="D345" s="851"/>
      <c r="E345" s="851"/>
      <c r="F345" s="851"/>
      <c r="G345" s="851"/>
      <c r="H345" s="851"/>
      <c r="I345" s="851"/>
      <c r="J345" s="851"/>
      <c r="K345" s="851"/>
      <c r="L345" s="851"/>
      <c r="M345" s="851"/>
      <c r="N345" s="851"/>
      <c r="O345" s="851"/>
      <c r="P345" s="851"/>
      <c r="Q345" s="851"/>
    </row>
    <row r="346" spans="1:17">
      <c r="A346" s="851"/>
      <c r="B346" s="851"/>
      <c r="C346" s="851"/>
      <c r="D346" s="851"/>
      <c r="E346" s="851"/>
      <c r="F346" s="851"/>
      <c r="G346" s="851"/>
      <c r="H346" s="851"/>
      <c r="I346" s="851"/>
      <c r="J346" s="851"/>
      <c r="K346" s="851"/>
      <c r="L346" s="851"/>
      <c r="M346" s="851"/>
      <c r="N346" s="851"/>
      <c r="O346" s="851"/>
      <c r="P346" s="851"/>
      <c r="Q346" s="851"/>
    </row>
    <row r="347" spans="1:17">
      <c r="A347" s="851"/>
      <c r="B347" s="851"/>
      <c r="C347" s="851"/>
      <c r="D347" s="851"/>
      <c r="E347" s="851"/>
      <c r="F347" s="851"/>
      <c r="G347" s="851"/>
      <c r="H347" s="851"/>
      <c r="I347" s="851"/>
      <c r="J347" s="851"/>
      <c r="K347" s="851"/>
      <c r="L347" s="851"/>
      <c r="M347" s="851"/>
      <c r="N347" s="851"/>
      <c r="O347" s="851"/>
      <c r="P347" s="851"/>
      <c r="Q347" s="851"/>
    </row>
    <row r="348" spans="1:17">
      <c r="A348" s="851"/>
      <c r="B348" s="851"/>
      <c r="C348" s="851"/>
      <c r="D348" s="851"/>
      <c r="E348" s="851"/>
      <c r="F348" s="851"/>
      <c r="G348" s="851"/>
      <c r="H348" s="851"/>
      <c r="I348" s="851"/>
      <c r="J348" s="851"/>
      <c r="K348" s="851"/>
      <c r="L348" s="851"/>
      <c r="M348" s="851"/>
      <c r="N348" s="851"/>
      <c r="O348" s="851"/>
      <c r="P348" s="851"/>
      <c r="Q348" s="851"/>
    </row>
    <row r="349" spans="1:17">
      <c r="A349" s="851"/>
      <c r="B349" s="851"/>
      <c r="C349" s="851"/>
      <c r="D349" s="851"/>
      <c r="E349" s="851"/>
      <c r="F349" s="851"/>
      <c r="G349" s="851"/>
      <c r="H349" s="851"/>
      <c r="I349" s="851"/>
      <c r="J349" s="851"/>
      <c r="K349" s="851"/>
      <c r="L349" s="851"/>
      <c r="M349" s="851"/>
      <c r="N349" s="851"/>
      <c r="O349" s="851"/>
      <c r="P349" s="851"/>
      <c r="Q349" s="851"/>
    </row>
    <row r="350" spans="1:17">
      <c r="A350" s="851"/>
      <c r="B350" s="851"/>
      <c r="C350" s="851"/>
      <c r="D350" s="851"/>
      <c r="E350" s="851"/>
      <c r="F350" s="851"/>
      <c r="G350" s="851"/>
      <c r="H350" s="851"/>
      <c r="I350" s="851"/>
      <c r="J350" s="851"/>
      <c r="K350" s="851"/>
      <c r="L350" s="851"/>
      <c r="M350" s="851"/>
      <c r="N350" s="851"/>
      <c r="O350" s="851"/>
      <c r="P350" s="851"/>
      <c r="Q350" s="851"/>
    </row>
    <row r="351" spans="1:17">
      <c r="A351" s="851"/>
      <c r="B351" s="851"/>
      <c r="C351" s="851"/>
      <c r="D351" s="851"/>
      <c r="E351" s="851"/>
      <c r="F351" s="851"/>
      <c r="G351" s="851"/>
      <c r="H351" s="851"/>
      <c r="I351" s="851"/>
      <c r="J351" s="851"/>
      <c r="K351" s="851"/>
      <c r="L351" s="851"/>
      <c r="M351" s="851"/>
      <c r="N351" s="851"/>
      <c r="O351" s="851"/>
      <c r="P351" s="851"/>
      <c r="Q351" s="851"/>
    </row>
    <row r="352" spans="1:17">
      <c r="A352" s="851"/>
      <c r="B352" s="851"/>
      <c r="C352" s="851"/>
      <c r="D352" s="851"/>
      <c r="E352" s="851"/>
      <c r="F352" s="851"/>
      <c r="G352" s="851"/>
      <c r="H352" s="851"/>
      <c r="I352" s="851"/>
      <c r="J352" s="851"/>
      <c r="K352" s="851"/>
      <c r="L352" s="851"/>
      <c r="M352" s="851"/>
      <c r="N352" s="851"/>
      <c r="O352" s="851"/>
      <c r="P352" s="851"/>
      <c r="Q352" s="851"/>
    </row>
    <row r="353" spans="1:17">
      <c r="A353" s="851"/>
      <c r="B353" s="851"/>
      <c r="C353" s="851"/>
      <c r="D353" s="851"/>
      <c r="E353" s="851"/>
      <c r="F353" s="851"/>
      <c r="G353" s="851"/>
      <c r="H353" s="851"/>
      <c r="I353" s="851"/>
      <c r="J353" s="851"/>
      <c r="K353" s="851"/>
      <c r="L353" s="851"/>
      <c r="M353" s="851"/>
      <c r="N353" s="851"/>
      <c r="O353" s="851"/>
      <c r="P353" s="851"/>
      <c r="Q353" s="851"/>
    </row>
    <row r="354" spans="1:17">
      <c r="A354" s="851"/>
      <c r="B354" s="851"/>
      <c r="C354" s="851"/>
      <c r="D354" s="851"/>
      <c r="E354" s="851"/>
      <c r="F354" s="851"/>
      <c r="G354" s="851"/>
      <c r="H354" s="851"/>
      <c r="I354" s="851"/>
      <c r="J354" s="851"/>
      <c r="K354" s="851"/>
      <c r="L354" s="851"/>
      <c r="M354" s="851"/>
      <c r="N354" s="851"/>
      <c r="O354" s="851"/>
      <c r="P354" s="851"/>
      <c r="Q354" s="851"/>
    </row>
    <row r="355" spans="1:17">
      <c r="A355" s="851"/>
      <c r="B355" s="851"/>
      <c r="C355" s="851"/>
      <c r="D355" s="851"/>
      <c r="E355" s="851"/>
      <c r="F355" s="851"/>
      <c r="G355" s="851"/>
      <c r="H355" s="851"/>
      <c r="I355" s="851"/>
      <c r="J355" s="851"/>
      <c r="K355" s="851"/>
      <c r="L355" s="851"/>
      <c r="M355" s="851"/>
      <c r="N355" s="851"/>
      <c r="O355" s="851"/>
      <c r="P355" s="851"/>
      <c r="Q355" s="851"/>
    </row>
    <row r="356" spans="1:17">
      <c r="A356" s="851"/>
      <c r="B356" s="851"/>
      <c r="C356" s="851"/>
      <c r="D356" s="851"/>
      <c r="E356" s="851"/>
      <c r="F356" s="851"/>
      <c r="G356" s="851"/>
      <c r="H356" s="851"/>
      <c r="I356" s="851"/>
      <c r="J356" s="851"/>
      <c r="K356" s="851"/>
      <c r="L356" s="851"/>
      <c r="M356" s="851"/>
      <c r="N356" s="851"/>
      <c r="O356" s="851"/>
      <c r="P356" s="851"/>
      <c r="Q356" s="851"/>
    </row>
    <row r="357" spans="1:17">
      <c r="A357" s="851"/>
      <c r="B357" s="851"/>
      <c r="C357" s="851"/>
      <c r="D357" s="851"/>
      <c r="E357" s="851"/>
      <c r="F357" s="851"/>
      <c r="G357" s="851"/>
      <c r="H357" s="851"/>
      <c r="I357" s="851"/>
      <c r="J357" s="851"/>
      <c r="K357" s="851"/>
      <c r="L357" s="851"/>
      <c r="M357" s="851"/>
      <c r="N357" s="851"/>
      <c r="O357" s="851"/>
      <c r="P357" s="851"/>
      <c r="Q357" s="851"/>
    </row>
    <row r="358" spans="1:17">
      <c r="A358" s="851"/>
      <c r="B358" s="851"/>
      <c r="C358" s="851"/>
      <c r="D358" s="851"/>
      <c r="E358" s="851"/>
      <c r="F358" s="851"/>
      <c r="G358" s="851"/>
      <c r="H358" s="851"/>
      <c r="I358" s="851"/>
      <c r="J358" s="851"/>
      <c r="K358" s="851"/>
      <c r="L358" s="851"/>
      <c r="M358" s="851"/>
      <c r="N358" s="851"/>
      <c r="O358" s="851"/>
      <c r="P358" s="851"/>
      <c r="Q358" s="851"/>
    </row>
    <row r="359" spans="1:17">
      <c r="A359" s="851"/>
      <c r="B359" s="851"/>
      <c r="C359" s="851"/>
      <c r="D359" s="851"/>
      <c r="E359" s="851"/>
      <c r="F359" s="851"/>
      <c r="G359" s="851"/>
      <c r="H359" s="851"/>
      <c r="I359" s="851"/>
      <c r="J359" s="851"/>
      <c r="K359" s="851"/>
      <c r="L359" s="851"/>
      <c r="M359" s="851"/>
      <c r="N359" s="851"/>
      <c r="O359" s="851"/>
      <c r="P359" s="851"/>
      <c r="Q359" s="851"/>
    </row>
    <row r="360" spans="1:17">
      <c r="A360" s="851"/>
      <c r="B360" s="851"/>
      <c r="C360" s="851"/>
      <c r="D360" s="851"/>
      <c r="E360" s="851"/>
      <c r="F360" s="851"/>
      <c r="G360" s="851"/>
      <c r="H360" s="851"/>
      <c r="I360" s="851"/>
      <c r="J360" s="851"/>
      <c r="K360" s="851"/>
      <c r="L360" s="851"/>
      <c r="M360" s="851"/>
      <c r="N360" s="851"/>
      <c r="O360" s="851"/>
      <c r="P360" s="851"/>
      <c r="Q360" s="851"/>
    </row>
    <row r="361" spans="1:17">
      <c r="A361" s="851"/>
      <c r="B361" s="851"/>
      <c r="C361" s="851"/>
      <c r="D361" s="851"/>
      <c r="E361" s="851"/>
      <c r="F361" s="851"/>
      <c r="G361" s="851"/>
      <c r="H361" s="851"/>
      <c r="I361" s="851"/>
      <c r="J361" s="851"/>
      <c r="K361" s="851"/>
      <c r="L361" s="851"/>
      <c r="M361" s="851"/>
      <c r="N361" s="851"/>
      <c r="O361" s="851"/>
      <c r="P361" s="851"/>
      <c r="Q361" s="851"/>
    </row>
    <row r="362" spans="1:17">
      <c r="A362" s="851"/>
      <c r="B362" s="851"/>
      <c r="C362" s="851"/>
      <c r="D362" s="851"/>
      <c r="E362" s="851"/>
      <c r="F362" s="851"/>
      <c r="G362" s="851"/>
      <c r="H362" s="851"/>
      <c r="I362" s="851"/>
      <c r="J362" s="851"/>
      <c r="K362" s="851"/>
      <c r="L362" s="851"/>
      <c r="M362" s="851"/>
      <c r="N362" s="851"/>
      <c r="O362" s="851"/>
      <c r="P362" s="851"/>
      <c r="Q362" s="851"/>
    </row>
    <row r="363" spans="1:17">
      <c r="A363" s="851"/>
      <c r="B363" s="851"/>
      <c r="C363" s="851"/>
      <c r="D363" s="851"/>
      <c r="E363" s="851"/>
      <c r="F363" s="851"/>
      <c r="G363" s="851"/>
      <c r="H363" s="851"/>
      <c r="I363" s="851"/>
      <c r="J363" s="851"/>
      <c r="K363" s="851"/>
      <c r="L363" s="851"/>
      <c r="M363" s="851"/>
      <c r="N363" s="851"/>
      <c r="O363" s="851"/>
      <c r="P363" s="851"/>
      <c r="Q363" s="851"/>
    </row>
    <row r="364" spans="1:17">
      <c r="A364" s="851"/>
      <c r="B364" s="851"/>
      <c r="C364" s="851"/>
      <c r="D364" s="851"/>
      <c r="E364" s="851"/>
      <c r="F364" s="851"/>
      <c r="G364" s="851"/>
      <c r="H364" s="851"/>
      <c r="I364" s="851"/>
      <c r="J364" s="851"/>
      <c r="K364" s="851"/>
      <c r="L364" s="851"/>
      <c r="M364" s="851"/>
      <c r="N364" s="851"/>
      <c r="O364" s="851"/>
      <c r="P364" s="851"/>
      <c r="Q364" s="851"/>
    </row>
    <row r="365" spans="1:17">
      <c r="A365" s="851"/>
      <c r="B365" s="851"/>
      <c r="C365" s="851"/>
      <c r="D365" s="851"/>
      <c r="E365" s="851"/>
      <c r="F365" s="851"/>
      <c r="G365" s="851"/>
      <c r="H365" s="851"/>
      <c r="I365" s="851"/>
      <c r="J365" s="851"/>
      <c r="K365" s="851"/>
      <c r="L365" s="851"/>
      <c r="M365" s="851"/>
      <c r="N365" s="851"/>
      <c r="O365" s="851"/>
      <c r="P365" s="851"/>
      <c r="Q365" s="851"/>
    </row>
    <row r="366" spans="1:17">
      <c r="A366" s="851"/>
      <c r="B366" s="851"/>
      <c r="C366" s="851"/>
      <c r="D366" s="851"/>
      <c r="E366" s="851"/>
      <c r="F366" s="851"/>
      <c r="G366" s="851"/>
      <c r="H366" s="851"/>
      <c r="I366" s="851"/>
      <c r="J366" s="851"/>
      <c r="K366" s="851"/>
      <c r="L366" s="851"/>
      <c r="M366" s="851"/>
      <c r="N366" s="851"/>
      <c r="O366" s="851"/>
      <c r="P366" s="851"/>
      <c r="Q366" s="851"/>
    </row>
    <row r="367" spans="1:17">
      <c r="A367" s="851"/>
      <c r="B367" s="851"/>
      <c r="C367" s="851"/>
      <c r="D367" s="851"/>
      <c r="E367" s="851"/>
      <c r="F367" s="851"/>
      <c r="G367" s="851"/>
      <c r="H367" s="851"/>
      <c r="I367" s="851"/>
      <c r="J367" s="851"/>
      <c r="K367" s="851"/>
      <c r="L367" s="851"/>
      <c r="M367" s="851"/>
      <c r="N367" s="851"/>
      <c r="O367" s="851"/>
      <c r="P367" s="851"/>
      <c r="Q367" s="851"/>
    </row>
    <row r="368" spans="1:17">
      <c r="A368" s="851"/>
      <c r="B368" s="851"/>
      <c r="C368" s="851"/>
      <c r="D368" s="851"/>
      <c r="E368" s="851"/>
      <c r="F368" s="851"/>
      <c r="G368" s="851"/>
      <c r="H368" s="851"/>
      <c r="I368" s="851"/>
      <c r="J368" s="851"/>
      <c r="K368" s="851"/>
      <c r="L368" s="851"/>
      <c r="M368" s="851"/>
      <c r="N368" s="851"/>
      <c r="O368" s="851"/>
      <c r="P368" s="851"/>
      <c r="Q368" s="851"/>
    </row>
    <row r="369" spans="1:17">
      <c r="A369" s="851"/>
      <c r="B369" s="851"/>
      <c r="C369" s="851"/>
      <c r="D369" s="851"/>
      <c r="E369" s="851"/>
      <c r="F369" s="851"/>
      <c r="G369" s="851"/>
      <c r="H369" s="851"/>
      <c r="I369" s="851"/>
      <c r="J369" s="851"/>
      <c r="K369" s="851"/>
      <c r="L369" s="851"/>
      <c r="M369" s="851"/>
      <c r="N369" s="851"/>
      <c r="O369" s="851"/>
      <c r="P369" s="851"/>
      <c r="Q369" s="851"/>
    </row>
    <row r="370" spans="1:17">
      <c r="A370" s="851"/>
      <c r="B370" s="851"/>
      <c r="C370" s="851"/>
      <c r="D370" s="851"/>
      <c r="E370" s="851"/>
      <c r="F370" s="851"/>
      <c r="G370" s="851"/>
      <c r="H370" s="851"/>
      <c r="I370" s="851"/>
      <c r="J370" s="851"/>
      <c r="K370" s="851"/>
      <c r="L370" s="851"/>
      <c r="M370" s="851"/>
      <c r="N370" s="851"/>
      <c r="O370" s="851"/>
      <c r="P370" s="851"/>
      <c r="Q370" s="851"/>
    </row>
    <row r="371" spans="1:17">
      <c r="A371" s="851"/>
      <c r="B371" s="851"/>
      <c r="C371" s="851"/>
      <c r="D371" s="851"/>
      <c r="E371" s="851"/>
      <c r="F371" s="851"/>
      <c r="G371" s="851"/>
      <c r="H371" s="851"/>
      <c r="I371" s="851"/>
      <c r="J371" s="851"/>
      <c r="K371" s="851"/>
      <c r="L371" s="851"/>
      <c r="M371" s="851"/>
      <c r="N371" s="851"/>
      <c r="O371" s="851"/>
      <c r="P371" s="851"/>
      <c r="Q371" s="851"/>
    </row>
    <row r="372" spans="1:17">
      <c r="A372" s="851"/>
      <c r="B372" s="851"/>
      <c r="C372" s="851"/>
      <c r="D372" s="851"/>
      <c r="E372" s="851"/>
      <c r="F372" s="851"/>
      <c r="G372" s="851"/>
      <c r="H372" s="851"/>
      <c r="I372" s="851"/>
      <c r="J372" s="851"/>
      <c r="K372" s="851"/>
      <c r="L372" s="851"/>
      <c r="M372" s="851"/>
      <c r="N372" s="851"/>
      <c r="O372" s="851"/>
      <c r="P372" s="851"/>
      <c r="Q372" s="851"/>
    </row>
    <row r="373" spans="1:17">
      <c r="A373" s="851"/>
      <c r="B373" s="851"/>
      <c r="C373" s="851"/>
      <c r="D373" s="851"/>
      <c r="E373" s="851"/>
      <c r="F373" s="851"/>
      <c r="G373" s="851"/>
      <c r="H373" s="851"/>
      <c r="I373" s="851"/>
      <c r="J373" s="851"/>
      <c r="K373" s="851"/>
      <c r="L373" s="851"/>
      <c r="M373" s="851"/>
      <c r="N373" s="851"/>
      <c r="O373" s="851"/>
      <c r="P373" s="851"/>
      <c r="Q373" s="851"/>
    </row>
    <row r="374" spans="1:17">
      <c r="A374" s="851"/>
      <c r="B374" s="851"/>
      <c r="C374" s="851"/>
      <c r="D374" s="851"/>
      <c r="E374" s="851"/>
      <c r="F374" s="851"/>
      <c r="G374" s="851"/>
      <c r="H374" s="851"/>
      <c r="I374" s="851"/>
      <c r="J374" s="851"/>
      <c r="K374" s="851"/>
      <c r="L374" s="851"/>
      <c r="M374" s="851"/>
      <c r="N374" s="851"/>
      <c r="O374" s="851"/>
      <c r="P374" s="851"/>
      <c r="Q374" s="851"/>
    </row>
    <row r="375" spans="1:17">
      <c r="A375" s="851"/>
      <c r="B375" s="851"/>
      <c r="C375" s="851"/>
      <c r="D375" s="851"/>
      <c r="E375" s="851"/>
      <c r="F375" s="851"/>
      <c r="G375" s="851"/>
      <c r="H375" s="851"/>
      <c r="I375" s="851"/>
      <c r="J375" s="851"/>
      <c r="K375" s="851"/>
      <c r="L375" s="851"/>
      <c r="M375" s="851"/>
      <c r="N375" s="851"/>
      <c r="O375" s="851"/>
      <c r="P375" s="851"/>
      <c r="Q375" s="851"/>
    </row>
    <row r="376" spans="1:17">
      <c r="A376" s="851"/>
      <c r="B376" s="851"/>
      <c r="C376" s="851"/>
      <c r="D376" s="851"/>
      <c r="E376" s="851"/>
      <c r="F376" s="851"/>
      <c r="G376" s="851"/>
      <c r="H376" s="851"/>
      <c r="I376" s="851"/>
      <c r="J376" s="851"/>
      <c r="K376" s="851"/>
      <c r="L376" s="851"/>
      <c r="M376" s="851"/>
      <c r="N376" s="851"/>
      <c r="O376" s="851"/>
      <c r="P376" s="851"/>
      <c r="Q376" s="851"/>
    </row>
    <row r="377" spans="1:17">
      <c r="A377" s="851"/>
      <c r="B377" s="851"/>
      <c r="C377" s="851"/>
      <c r="D377" s="851"/>
      <c r="E377" s="851"/>
      <c r="F377" s="851"/>
      <c r="G377" s="851"/>
      <c r="H377" s="851"/>
      <c r="I377" s="851"/>
      <c r="J377" s="851"/>
      <c r="K377" s="851"/>
      <c r="L377" s="851"/>
      <c r="M377" s="851"/>
      <c r="N377" s="851"/>
      <c r="O377" s="851"/>
      <c r="P377" s="851"/>
      <c r="Q377" s="851"/>
    </row>
    <row r="378" spans="1:17">
      <c r="A378" s="851"/>
      <c r="B378" s="851"/>
      <c r="C378" s="851"/>
      <c r="D378" s="851"/>
      <c r="E378" s="851"/>
      <c r="F378" s="851"/>
      <c r="G378" s="851"/>
      <c r="H378" s="851"/>
      <c r="I378" s="851"/>
      <c r="J378" s="851"/>
      <c r="K378" s="851"/>
      <c r="L378" s="851"/>
      <c r="M378" s="851"/>
      <c r="N378" s="851"/>
      <c r="O378" s="851"/>
      <c r="P378" s="851"/>
      <c r="Q378" s="851"/>
    </row>
    <row r="379" spans="1:17">
      <c r="A379" s="851"/>
      <c r="B379" s="851"/>
      <c r="C379" s="851"/>
      <c r="D379" s="851"/>
      <c r="E379" s="851"/>
      <c r="F379" s="851"/>
      <c r="G379" s="851"/>
      <c r="H379" s="851"/>
      <c r="I379" s="851"/>
      <c r="J379" s="851"/>
      <c r="K379" s="851"/>
      <c r="L379" s="851"/>
      <c r="M379" s="851"/>
      <c r="N379" s="851"/>
      <c r="O379" s="851"/>
      <c r="P379" s="851"/>
      <c r="Q379" s="851"/>
    </row>
    <row r="380" spans="1:17">
      <c r="A380" s="851"/>
      <c r="B380" s="851"/>
      <c r="C380" s="851"/>
      <c r="D380" s="851"/>
      <c r="E380" s="851"/>
      <c r="F380" s="851"/>
      <c r="G380" s="851"/>
      <c r="H380" s="851"/>
      <c r="I380" s="851"/>
      <c r="J380" s="851"/>
      <c r="K380" s="851"/>
      <c r="L380" s="851"/>
      <c r="M380" s="851"/>
      <c r="N380" s="851"/>
      <c r="O380" s="851"/>
      <c r="P380" s="851"/>
      <c r="Q380" s="851"/>
    </row>
    <row r="381" spans="1:17">
      <c r="A381" s="851"/>
      <c r="B381" s="851"/>
      <c r="C381" s="851"/>
      <c r="D381" s="851"/>
      <c r="E381" s="851"/>
      <c r="F381" s="851"/>
      <c r="G381" s="851"/>
      <c r="H381" s="851"/>
      <c r="I381" s="851"/>
      <c r="J381" s="851"/>
      <c r="K381" s="851"/>
      <c r="L381" s="851"/>
      <c r="M381" s="851"/>
      <c r="N381" s="851"/>
      <c r="O381" s="851"/>
      <c r="P381" s="851"/>
      <c r="Q381" s="851"/>
    </row>
    <row r="382" spans="1:17">
      <c r="A382" s="851"/>
      <c r="B382" s="851"/>
      <c r="C382" s="851"/>
      <c r="D382" s="851"/>
      <c r="E382" s="851"/>
      <c r="F382" s="851"/>
      <c r="G382" s="851"/>
      <c r="H382" s="851"/>
      <c r="I382" s="851"/>
      <c r="J382" s="851"/>
      <c r="K382" s="851"/>
      <c r="L382" s="851"/>
      <c r="M382" s="851"/>
      <c r="N382" s="851"/>
      <c r="O382" s="851"/>
      <c r="P382" s="851"/>
      <c r="Q382" s="851"/>
    </row>
    <row r="383" spans="1:17">
      <c r="A383" s="851"/>
      <c r="B383" s="851"/>
      <c r="C383" s="851"/>
      <c r="D383" s="851"/>
      <c r="E383" s="851"/>
      <c r="F383" s="851"/>
      <c r="G383" s="851"/>
      <c r="H383" s="851"/>
      <c r="I383" s="851"/>
      <c r="J383" s="851"/>
      <c r="K383" s="851"/>
      <c r="L383" s="851"/>
      <c r="M383" s="851"/>
      <c r="N383" s="851"/>
      <c r="O383" s="851"/>
      <c r="P383" s="851"/>
      <c r="Q383" s="851"/>
    </row>
    <row r="384" spans="1:17">
      <c r="A384" s="851"/>
      <c r="B384" s="851"/>
      <c r="C384" s="851"/>
      <c r="D384" s="851"/>
      <c r="E384" s="851"/>
      <c r="F384" s="851"/>
      <c r="G384" s="851"/>
      <c r="H384" s="851"/>
      <c r="I384" s="851"/>
      <c r="J384" s="851"/>
      <c r="K384" s="851"/>
      <c r="L384" s="851"/>
      <c r="M384" s="851"/>
      <c r="N384" s="851"/>
      <c r="O384" s="851"/>
      <c r="P384" s="851"/>
      <c r="Q384" s="851"/>
    </row>
    <row r="385" spans="1:17">
      <c r="A385" s="851"/>
      <c r="B385" s="851"/>
      <c r="C385" s="851"/>
      <c r="D385" s="851"/>
      <c r="E385" s="851"/>
      <c r="F385" s="851"/>
      <c r="G385" s="851"/>
      <c r="H385" s="851"/>
      <c r="I385" s="851"/>
      <c r="J385" s="851"/>
      <c r="K385" s="851"/>
      <c r="L385" s="851"/>
      <c r="M385" s="851"/>
      <c r="N385" s="851"/>
      <c r="O385" s="851"/>
      <c r="P385" s="851"/>
      <c r="Q385" s="851"/>
    </row>
    <row r="386" spans="1:17">
      <c r="A386" s="851"/>
      <c r="B386" s="851"/>
      <c r="C386" s="851"/>
      <c r="D386" s="851"/>
      <c r="E386" s="851"/>
      <c r="F386" s="851"/>
      <c r="G386" s="851"/>
      <c r="H386" s="851"/>
      <c r="I386" s="851"/>
      <c r="J386" s="851"/>
      <c r="K386" s="851"/>
      <c r="L386" s="851"/>
      <c r="M386" s="851"/>
      <c r="N386" s="851"/>
      <c r="O386" s="851"/>
      <c r="P386" s="851"/>
      <c r="Q386" s="851"/>
    </row>
    <row r="387" spans="1:17">
      <c r="A387" s="851"/>
      <c r="B387" s="851"/>
      <c r="C387" s="851"/>
      <c r="D387" s="851"/>
      <c r="E387" s="851"/>
      <c r="F387" s="851"/>
      <c r="G387" s="851"/>
      <c r="H387" s="851"/>
      <c r="I387" s="851"/>
      <c r="J387" s="851"/>
      <c r="K387" s="851"/>
      <c r="L387" s="851"/>
      <c r="M387" s="851"/>
      <c r="N387" s="851"/>
      <c r="O387" s="851"/>
      <c r="P387" s="851"/>
      <c r="Q387" s="851"/>
    </row>
    <row r="388" spans="1:17">
      <c r="A388" s="851"/>
      <c r="B388" s="851"/>
      <c r="C388" s="851"/>
      <c r="D388" s="851"/>
      <c r="E388" s="851"/>
      <c r="F388" s="851"/>
      <c r="G388" s="851"/>
      <c r="H388" s="851"/>
      <c r="I388" s="851"/>
      <c r="J388" s="851"/>
      <c r="K388" s="851"/>
      <c r="L388" s="851"/>
      <c r="M388" s="851"/>
      <c r="N388" s="851"/>
      <c r="O388" s="851"/>
      <c r="P388" s="851"/>
      <c r="Q388" s="851"/>
    </row>
    <row r="389" spans="1:17">
      <c r="A389" s="851"/>
      <c r="B389" s="851"/>
      <c r="C389" s="851"/>
      <c r="D389" s="851"/>
      <c r="E389" s="851"/>
      <c r="F389" s="851"/>
      <c r="G389" s="851"/>
      <c r="H389" s="851"/>
      <c r="I389" s="851"/>
      <c r="J389" s="851"/>
      <c r="K389" s="851"/>
      <c r="L389" s="851"/>
      <c r="M389" s="851"/>
      <c r="N389" s="851"/>
      <c r="O389" s="851"/>
      <c r="P389" s="851"/>
      <c r="Q389" s="851"/>
    </row>
    <row r="390" spans="1:17">
      <c r="A390" s="851"/>
      <c r="B390" s="851"/>
      <c r="C390" s="851"/>
      <c r="D390" s="851"/>
      <c r="E390" s="851"/>
      <c r="F390" s="851"/>
      <c r="G390" s="851"/>
      <c r="H390" s="851"/>
      <c r="I390" s="851"/>
      <c r="J390" s="851"/>
      <c r="K390" s="851"/>
      <c r="L390" s="851"/>
      <c r="M390" s="851"/>
      <c r="N390" s="851"/>
      <c r="O390" s="851"/>
      <c r="P390" s="851"/>
      <c r="Q390" s="851"/>
    </row>
    <row r="391" spans="1:17">
      <c r="A391" s="851"/>
      <c r="B391" s="851"/>
      <c r="C391" s="851"/>
      <c r="D391" s="851"/>
      <c r="E391" s="851"/>
      <c r="F391" s="851"/>
      <c r="G391" s="851"/>
      <c r="H391" s="851"/>
      <c r="I391" s="851"/>
      <c r="J391" s="851"/>
      <c r="K391" s="851"/>
      <c r="L391" s="851"/>
      <c r="M391" s="851"/>
      <c r="N391" s="851"/>
      <c r="O391" s="851"/>
      <c r="P391" s="851"/>
      <c r="Q391" s="851"/>
    </row>
    <row r="392" spans="1:17">
      <c r="A392" s="851"/>
      <c r="B392" s="851"/>
      <c r="C392" s="851"/>
      <c r="D392" s="851"/>
      <c r="E392" s="851"/>
      <c r="F392" s="851"/>
      <c r="G392" s="851"/>
      <c r="H392" s="851"/>
      <c r="I392" s="851"/>
      <c r="J392" s="851"/>
      <c r="K392" s="851"/>
      <c r="L392" s="851"/>
      <c r="M392" s="851"/>
      <c r="N392" s="851"/>
      <c r="O392" s="851"/>
      <c r="P392" s="851"/>
      <c r="Q392" s="851"/>
    </row>
    <row r="393" spans="1:17">
      <c r="A393" s="851"/>
      <c r="B393" s="851"/>
      <c r="C393" s="851"/>
      <c r="D393" s="851"/>
      <c r="E393" s="851"/>
      <c r="F393" s="851"/>
      <c r="G393" s="851"/>
      <c r="H393" s="851"/>
      <c r="I393" s="851"/>
      <c r="J393" s="851"/>
      <c r="K393" s="851"/>
      <c r="L393" s="851"/>
      <c r="M393" s="851"/>
      <c r="N393" s="851"/>
      <c r="O393" s="851"/>
      <c r="P393" s="851"/>
      <c r="Q393" s="851"/>
    </row>
    <row r="394" spans="1:17">
      <c r="A394" s="851"/>
      <c r="B394" s="851"/>
      <c r="C394" s="851"/>
      <c r="D394" s="851"/>
      <c r="E394" s="851"/>
      <c r="F394" s="851"/>
      <c r="G394" s="851"/>
      <c r="H394" s="851"/>
      <c r="I394" s="851"/>
      <c r="J394" s="851"/>
      <c r="K394" s="851"/>
      <c r="L394" s="851"/>
      <c r="M394" s="851"/>
      <c r="N394" s="851"/>
      <c r="O394" s="851"/>
      <c r="P394" s="851"/>
      <c r="Q394" s="851"/>
    </row>
    <row r="395" spans="1:17">
      <c r="A395" s="851"/>
      <c r="B395" s="851"/>
      <c r="C395" s="851"/>
      <c r="D395" s="851"/>
      <c r="E395" s="851"/>
      <c r="F395" s="851"/>
      <c r="G395" s="851"/>
      <c r="H395" s="851"/>
      <c r="I395" s="851"/>
      <c r="J395" s="851"/>
      <c r="K395" s="851"/>
      <c r="L395" s="851"/>
      <c r="M395" s="851"/>
      <c r="N395" s="851"/>
      <c r="O395" s="851"/>
      <c r="P395" s="851"/>
      <c r="Q395" s="851"/>
    </row>
    <row r="396" spans="1:17">
      <c r="A396" s="851"/>
      <c r="B396" s="851"/>
      <c r="C396" s="851"/>
      <c r="D396" s="851"/>
      <c r="E396" s="851"/>
      <c r="F396" s="851"/>
      <c r="G396" s="851"/>
      <c r="H396" s="851"/>
      <c r="I396" s="851"/>
      <c r="J396" s="851"/>
      <c r="K396" s="851"/>
      <c r="L396" s="851"/>
      <c r="M396" s="851"/>
      <c r="N396" s="851"/>
      <c r="O396" s="851"/>
      <c r="P396" s="851"/>
      <c r="Q396" s="851"/>
    </row>
    <row r="397" spans="1:17">
      <c r="A397" s="851"/>
      <c r="B397" s="851"/>
      <c r="C397" s="851"/>
      <c r="D397" s="851"/>
      <c r="E397" s="851"/>
      <c r="F397" s="851"/>
      <c r="G397" s="851"/>
      <c r="H397" s="851"/>
      <c r="I397" s="851"/>
      <c r="J397" s="851"/>
      <c r="K397" s="851"/>
      <c r="L397" s="851"/>
      <c r="M397" s="851"/>
      <c r="N397" s="851"/>
      <c r="O397" s="851"/>
      <c r="P397" s="851"/>
      <c r="Q397" s="851"/>
    </row>
    <row r="398" spans="1:17">
      <c r="A398" s="851"/>
      <c r="B398" s="851"/>
      <c r="C398" s="851"/>
      <c r="D398" s="851"/>
      <c r="E398" s="851"/>
      <c r="F398" s="851"/>
      <c r="G398" s="851"/>
      <c r="H398" s="851"/>
      <c r="I398" s="851"/>
      <c r="J398" s="851"/>
      <c r="K398" s="851"/>
      <c r="L398" s="851"/>
      <c r="M398" s="851"/>
      <c r="N398" s="851"/>
      <c r="O398" s="851"/>
      <c r="P398" s="851"/>
      <c r="Q398" s="851"/>
    </row>
    <row r="399" spans="1:17">
      <c r="A399" s="851"/>
      <c r="B399" s="851"/>
      <c r="C399" s="851"/>
      <c r="D399" s="851"/>
      <c r="E399" s="851"/>
      <c r="F399" s="851"/>
      <c r="G399" s="851"/>
      <c r="H399" s="851"/>
      <c r="I399" s="851"/>
      <c r="J399" s="851"/>
      <c r="K399" s="851"/>
      <c r="L399" s="851"/>
      <c r="M399" s="851"/>
      <c r="N399" s="851"/>
      <c r="O399" s="851"/>
      <c r="P399" s="851"/>
      <c r="Q399" s="851"/>
    </row>
    <row r="400" spans="1:17">
      <c r="A400" s="851"/>
      <c r="B400" s="851"/>
      <c r="C400" s="851"/>
      <c r="D400" s="851"/>
      <c r="E400" s="851"/>
      <c r="F400" s="851"/>
      <c r="G400" s="851"/>
      <c r="H400" s="851"/>
      <c r="I400" s="851"/>
      <c r="J400" s="851"/>
      <c r="K400" s="851"/>
      <c r="L400" s="851"/>
      <c r="M400" s="851"/>
      <c r="N400" s="851"/>
      <c r="O400" s="851"/>
      <c r="P400" s="851"/>
      <c r="Q400" s="851"/>
    </row>
    <row r="401" spans="1:17">
      <c r="A401" s="851"/>
      <c r="B401" s="851"/>
      <c r="C401" s="851"/>
      <c r="D401" s="851"/>
      <c r="E401" s="851"/>
      <c r="F401" s="851"/>
      <c r="G401" s="851"/>
      <c r="H401" s="851"/>
      <c r="I401" s="851"/>
      <c r="J401" s="851"/>
      <c r="K401" s="851"/>
      <c r="L401" s="851"/>
      <c r="M401" s="851"/>
      <c r="N401" s="851"/>
      <c r="O401" s="851"/>
      <c r="P401" s="851"/>
      <c r="Q401" s="851"/>
    </row>
    <row r="402" spans="1:17">
      <c r="A402" s="851"/>
      <c r="B402" s="851"/>
      <c r="C402" s="851"/>
      <c r="D402" s="851"/>
      <c r="E402" s="851"/>
      <c r="F402" s="851"/>
      <c r="G402" s="851"/>
      <c r="H402" s="851"/>
      <c r="I402" s="851"/>
      <c r="J402" s="851"/>
      <c r="K402" s="851"/>
      <c r="L402" s="851"/>
      <c r="M402" s="851"/>
      <c r="N402" s="851"/>
      <c r="O402" s="851"/>
      <c r="P402" s="851"/>
      <c r="Q402" s="851"/>
    </row>
    <row r="403" spans="1:17">
      <c r="A403" s="851"/>
      <c r="B403" s="851"/>
      <c r="C403" s="851"/>
      <c r="D403" s="851"/>
      <c r="E403" s="851"/>
      <c r="F403" s="851"/>
      <c r="G403" s="851"/>
      <c r="H403" s="851"/>
      <c r="I403" s="851"/>
      <c r="J403" s="851"/>
      <c r="K403" s="851"/>
      <c r="L403" s="851"/>
      <c r="M403" s="851"/>
      <c r="N403" s="851"/>
      <c r="O403" s="851"/>
      <c r="P403" s="851"/>
      <c r="Q403" s="851"/>
    </row>
    <row r="404" spans="1:17">
      <c r="A404" s="851"/>
      <c r="B404" s="851"/>
      <c r="C404" s="851"/>
      <c r="D404" s="851"/>
      <c r="E404" s="851"/>
      <c r="F404" s="851"/>
      <c r="G404" s="851"/>
      <c r="H404" s="851"/>
      <c r="I404" s="851"/>
      <c r="J404" s="851"/>
      <c r="K404" s="851"/>
      <c r="L404" s="851"/>
      <c r="M404" s="851"/>
      <c r="N404" s="851"/>
      <c r="O404" s="851"/>
      <c r="P404" s="851"/>
      <c r="Q404" s="851"/>
    </row>
    <row r="405" spans="1:17">
      <c r="A405" s="851"/>
      <c r="B405" s="851"/>
      <c r="C405" s="851"/>
      <c r="D405" s="851"/>
      <c r="E405" s="851"/>
      <c r="F405" s="851"/>
      <c r="G405" s="851"/>
      <c r="H405" s="851"/>
      <c r="I405" s="851"/>
      <c r="J405" s="851"/>
      <c r="K405" s="851"/>
      <c r="L405" s="851"/>
      <c r="M405" s="851"/>
      <c r="N405" s="851"/>
      <c r="O405" s="851"/>
      <c r="P405" s="851"/>
      <c r="Q405" s="851"/>
    </row>
    <row r="406" spans="1:17">
      <c r="A406" s="851"/>
      <c r="B406" s="851"/>
      <c r="C406" s="851"/>
      <c r="D406" s="851"/>
      <c r="E406" s="851"/>
      <c r="F406" s="851"/>
      <c r="G406" s="851"/>
      <c r="H406" s="851"/>
      <c r="I406" s="851"/>
      <c r="J406" s="851"/>
      <c r="K406" s="851"/>
      <c r="L406" s="851"/>
      <c r="M406" s="851"/>
      <c r="N406" s="851"/>
      <c r="O406" s="851"/>
      <c r="P406" s="851"/>
      <c r="Q406" s="851"/>
    </row>
    <row r="407" spans="1:17">
      <c r="A407" s="851"/>
      <c r="B407" s="851"/>
      <c r="C407" s="851"/>
      <c r="D407" s="851"/>
      <c r="E407" s="851"/>
      <c r="F407" s="851"/>
      <c r="G407" s="851"/>
      <c r="H407" s="851"/>
      <c r="I407" s="851"/>
      <c r="J407" s="851"/>
      <c r="K407" s="851"/>
      <c r="L407" s="851"/>
      <c r="M407" s="851"/>
      <c r="N407" s="851"/>
      <c r="O407" s="851"/>
      <c r="P407" s="851"/>
      <c r="Q407" s="851"/>
    </row>
    <row r="408" spans="1:17">
      <c r="A408" s="851"/>
      <c r="B408" s="851"/>
      <c r="C408" s="851"/>
      <c r="D408" s="851"/>
      <c r="E408" s="851"/>
      <c r="F408" s="851"/>
      <c r="G408" s="851"/>
      <c r="H408" s="851"/>
      <c r="I408" s="851"/>
      <c r="J408" s="851"/>
      <c r="K408" s="851"/>
      <c r="L408" s="851"/>
      <c r="M408" s="851"/>
      <c r="N408" s="851"/>
      <c r="O408" s="851"/>
      <c r="P408" s="851"/>
      <c r="Q408" s="851"/>
    </row>
    <row r="409" spans="1:17">
      <c r="A409" s="851"/>
      <c r="B409" s="851"/>
      <c r="C409" s="851"/>
      <c r="D409" s="851"/>
      <c r="E409" s="851"/>
      <c r="F409" s="851"/>
      <c r="G409" s="851"/>
      <c r="H409" s="851"/>
      <c r="I409" s="851"/>
      <c r="J409" s="851"/>
      <c r="K409" s="851"/>
      <c r="L409" s="851"/>
      <c r="M409" s="851"/>
      <c r="N409" s="851"/>
      <c r="O409" s="851"/>
      <c r="P409" s="851"/>
      <c r="Q409" s="851"/>
    </row>
    <row r="410" spans="1:17">
      <c r="A410" s="851"/>
      <c r="B410" s="851"/>
      <c r="C410" s="851"/>
      <c r="D410" s="851"/>
      <c r="E410" s="851"/>
      <c r="F410" s="851"/>
      <c r="G410" s="851"/>
      <c r="H410" s="851"/>
      <c r="I410" s="851"/>
      <c r="J410" s="851"/>
      <c r="K410" s="851"/>
      <c r="L410" s="851"/>
      <c r="M410" s="851"/>
      <c r="N410" s="851"/>
      <c r="O410" s="851"/>
      <c r="P410" s="851"/>
      <c r="Q410" s="851"/>
    </row>
    <row r="411" spans="1:17">
      <c r="A411" s="851"/>
      <c r="B411" s="851"/>
      <c r="C411" s="851"/>
      <c r="D411" s="851"/>
      <c r="E411" s="851"/>
      <c r="F411" s="851"/>
      <c r="G411" s="851"/>
      <c r="H411" s="851"/>
      <c r="I411" s="851"/>
      <c r="J411" s="851"/>
      <c r="K411" s="851"/>
      <c r="L411" s="851"/>
      <c r="M411" s="851"/>
      <c r="N411" s="851"/>
      <c r="O411" s="851"/>
      <c r="P411" s="851"/>
      <c r="Q411" s="851"/>
    </row>
    <row r="412" spans="1:17">
      <c r="A412" s="851"/>
      <c r="B412" s="851"/>
      <c r="C412" s="851"/>
      <c r="D412" s="851"/>
      <c r="E412" s="851"/>
      <c r="F412" s="851"/>
      <c r="G412" s="851"/>
      <c r="H412" s="851"/>
      <c r="I412" s="851"/>
      <c r="J412" s="851"/>
      <c r="K412" s="851"/>
      <c r="L412" s="851"/>
      <c r="M412" s="851"/>
      <c r="N412" s="851"/>
      <c r="O412" s="851"/>
      <c r="P412" s="851"/>
      <c r="Q412" s="851"/>
    </row>
    <row r="413" spans="1:17">
      <c r="A413" s="851"/>
      <c r="B413" s="851"/>
      <c r="C413" s="851"/>
      <c r="D413" s="851"/>
      <c r="E413" s="851"/>
      <c r="F413" s="851"/>
      <c r="G413" s="851"/>
      <c r="H413" s="851"/>
      <c r="I413" s="851"/>
      <c r="J413" s="851"/>
      <c r="K413" s="851"/>
      <c r="L413" s="851"/>
      <c r="M413" s="851"/>
      <c r="N413" s="851"/>
      <c r="O413" s="851"/>
      <c r="P413" s="851"/>
      <c r="Q413" s="851"/>
    </row>
    <row r="414" spans="1:17">
      <c r="A414" s="851"/>
      <c r="B414" s="851"/>
      <c r="C414" s="851"/>
      <c r="D414" s="851"/>
      <c r="E414" s="851"/>
      <c r="F414" s="851"/>
      <c r="G414" s="851"/>
      <c r="H414" s="851"/>
      <c r="I414" s="851"/>
      <c r="J414" s="851"/>
      <c r="K414" s="851"/>
      <c r="L414" s="851"/>
      <c r="M414" s="851"/>
      <c r="N414" s="851"/>
      <c r="O414" s="851"/>
      <c r="P414" s="851"/>
      <c r="Q414" s="851"/>
    </row>
    <row r="415" spans="1:17">
      <c r="A415" s="851"/>
      <c r="B415" s="851"/>
      <c r="C415" s="851"/>
      <c r="D415" s="851"/>
      <c r="E415" s="851"/>
      <c r="F415" s="851"/>
      <c r="G415" s="851"/>
      <c r="H415" s="851"/>
      <c r="I415" s="851"/>
      <c r="J415" s="851"/>
      <c r="K415" s="851"/>
      <c r="L415" s="851"/>
      <c r="M415" s="851"/>
      <c r="N415" s="851"/>
      <c r="O415" s="851"/>
      <c r="P415" s="851"/>
      <c r="Q415" s="851"/>
    </row>
    <row r="416" spans="1:17">
      <c r="A416" s="851"/>
      <c r="B416" s="851"/>
      <c r="C416" s="851"/>
      <c r="D416" s="851"/>
      <c r="E416" s="851"/>
      <c r="F416" s="851"/>
      <c r="G416" s="851"/>
      <c r="H416" s="851"/>
      <c r="I416" s="851"/>
      <c r="J416" s="851"/>
      <c r="K416" s="851"/>
      <c r="L416" s="851"/>
      <c r="M416" s="851"/>
      <c r="N416" s="851"/>
      <c r="O416" s="851"/>
      <c r="P416" s="851"/>
      <c r="Q416" s="851"/>
    </row>
    <row r="417" spans="1:17">
      <c r="A417" s="851"/>
      <c r="B417" s="851"/>
      <c r="C417" s="851"/>
      <c r="D417" s="851"/>
      <c r="E417" s="851"/>
      <c r="F417" s="851"/>
      <c r="G417" s="851"/>
      <c r="H417" s="851"/>
      <c r="I417" s="851"/>
      <c r="J417" s="851"/>
      <c r="K417" s="851"/>
      <c r="L417" s="851"/>
      <c r="M417" s="851"/>
      <c r="N417" s="851"/>
      <c r="O417" s="851"/>
      <c r="P417" s="851"/>
      <c r="Q417" s="851"/>
    </row>
    <row r="418" spans="1:17">
      <c r="A418" s="851"/>
      <c r="B418" s="851"/>
      <c r="C418" s="851"/>
      <c r="D418" s="851"/>
      <c r="E418" s="851"/>
      <c r="F418" s="851"/>
      <c r="G418" s="851"/>
      <c r="H418" s="851"/>
      <c r="I418" s="851"/>
      <c r="J418" s="851"/>
      <c r="K418" s="851"/>
      <c r="L418" s="851"/>
      <c r="M418" s="851"/>
      <c r="N418" s="851"/>
      <c r="O418" s="851"/>
      <c r="P418" s="851"/>
      <c r="Q418" s="851"/>
    </row>
    <row r="419" spans="1:17">
      <c r="A419" s="851"/>
      <c r="B419" s="851"/>
      <c r="C419" s="851"/>
      <c r="D419" s="851"/>
      <c r="E419" s="851"/>
      <c r="F419" s="851"/>
      <c r="G419" s="851"/>
      <c r="H419" s="851"/>
      <c r="I419" s="851"/>
      <c r="J419" s="851"/>
      <c r="K419" s="851"/>
      <c r="L419" s="851"/>
      <c r="M419" s="851"/>
      <c r="N419" s="851"/>
      <c r="O419" s="851"/>
      <c r="P419" s="851"/>
      <c r="Q419" s="851"/>
    </row>
    <row r="420" spans="1:17">
      <c r="A420" s="851"/>
      <c r="B420" s="851"/>
      <c r="C420" s="851"/>
      <c r="D420" s="851"/>
      <c r="E420" s="851"/>
      <c r="F420" s="851"/>
      <c r="G420" s="851"/>
      <c r="H420" s="851"/>
      <c r="I420" s="851"/>
      <c r="J420" s="851"/>
      <c r="K420" s="851"/>
      <c r="L420" s="851"/>
      <c r="M420" s="851"/>
      <c r="N420" s="851"/>
      <c r="O420" s="851"/>
      <c r="P420" s="851"/>
      <c r="Q420" s="851"/>
    </row>
    <row r="421" spans="1:17">
      <c r="A421" s="851"/>
      <c r="B421" s="851"/>
      <c r="C421" s="851"/>
      <c r="D421" s="851"/>
      <c r="E421" s="851"/>
      <c r="F421" s="851"/>
      <c r="G421" s="851"/>
      <c r="H421" s="851"/>
      <c r="I421" s="851"/>
      <c r="J421" s="851"/>
      <c r="K421" s="851"/>
      <c r="L421" s="851"/>
      <c r="M421" s="851"/>
      <c r="N421" s="851"/>
      <c r="O421" s="851"/>
      <c r="P421" s="851"/>
      <c r="Q421" s="851"/>
    </row>
    <row r="422" spans="1:17">
      <c r="A422" s="851"/>
      <c r="B422" s="851"/>
      <c r="C422" s="851"/>
      <c r="D422" s="851"/>
      <c r="E422" s="851"/>
      <c r="F422" s="851"/>
      <c r="G422" s="851"/>
      <c r="H422" s="851"/>
      <c r="I422" s="851"/>
      <c r="J422" s="851"/>
      <c r="K422" s="851"/>
      <c r="L422" s="851"/>
      <c r="M422" s="851"/>
      <c r="N422" s="851"/>
      <c r="O422" s="851"/>
      <c r="P422" s="851"/>
      <c r="Q422" s="851"/>
    </row>
    <row r="423" spans="1:17">
      <c r="A423" s="851"/>
      <c r="B423" s="851"/>
      <c r="C423" s="851"/>
      <c r="D423" s="851"/>
      <c r="E423" s="851"/>
      <c r="F423" s="851"/>
      <c r="G423" s="851"/>
      <c r="H423" s="851"/>
      <c r="I423" s="851"/>
      <c r="J423" s="851"/>
      <c r="K423" s="851"/>
      <c r="L423" s="851"/>
      <c r="M423" s="851"/>
      <c r="N423" s="851"/>
      <c r="O423" s="851"/>
      <c r="P423" s="851"/>
      <c r="Q423" s="851"/>
    </row>
    <row r="424" spans="1:17">
      <c r="A424" s="851"/>
      <c r="B424" s="851"/>
      <c r="C424" s="851"/>
      <c r="D424" s="851"/>
      <c r="E424" s="851"/>
      <c r="F424" s="851"/>
      <c r="G424" s="851"/>
      <c r="H424" s="851"/>
      <c r="I424" s="851"/>
      <c r="J424" s="851"/>
      <c r="K424" s="851"/>
      <c r="L424" s="851"/>
      <c r="M424" s="851"/>
      <c r="N424" s="851"/>
      <c r="O424" s="851"/>
      <c r="P424" s="851"/>
      <c r="Q424" s="851"/>
    </row>
    <row r="425" spans="1:17">
      <c r="A425" s="851"/>
      <c r="B425" s="851"/>
      <c r="C425" s="851"/>
      <c r="D425" s="851"/>
      <c r="E425" s="851"/>
      <c r="F425" s="851"/>
      <c r="G425" s="851"/>
      <c r="H425" s="851"/>
      <c r="I425" s="851"/>
      <c r="J425" s="851"/>
      <c r="K425" s="851"/>
      <c r="L425" s="851"/>
      <c r="M425" s="851"/>
      <c r="N425" s="851"/>
      <c r="O425" s="851"/>
      <c r="P425" s="851"/>
      <c r="Q425" s="851"/>
    </row>
    <row r="426" spans="1:17">
      <c r="A426" s="851"/>
      <c r="B426" s="851"/>
      <c r="C426" s="851"/>
      <c r="D426" s="851"/>
      <c r="E426" s="851"/>
      <c r="F426" s="851"/>
      <c r="G426" s="851"/>
      <c r="H426" s="851"/>
      <c r="I426" s="851"/>
      <c r="J426" s="851"/>
      <c r="K426" s="851"/>
      <c r="L426" s="851"/>
      <c r="M426" s="851"/>
      <c r="N426" s="851"/>
      <c r="O426" s="851"/>
      <c r="P426" s="851"/>
      <c r="Q426" s="851"/>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N262"/>
  <sheetViews>
    <sheetView showGridLines="0" zoomScale="145" zoomScaleNormal="145" zoomScaleSheetLayoutView="85"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9" s="96" customFormat="1" ht="30" customHeight="1">
      <c r="A1" s="116" t="s">
        <v>39</v>
      </c>
      <c r="B1" s="117" t="s">
        <v>40</v>
      </c>
      <c r="C1" s="117" t="s">
        <v>36</v>
      </c>
      <c r="D1" s="117" t="s">
        <v>37</v>
      </c>
      <c r="E1" s="117" t="s">
        <v>33</v>
      </c>
      <c r="F1" s="117" t="s">
        <v>32</v>
      </c>
      <c r="G1" s="117" t="s">
        <v>34</v>
      </c>
      <c r="H1" s="114" t="s">
        <v>35</v>
      </c>
      <c r="I1" s="118" t="s">
        <v>38</v>
      </c>
    </row>
    <row r="2" spans="1:9" s="95" customFormat="1" ht="9.9499999999999993" customHeight="1">
      <c r="A2" s="67"/>
      <c r="B2" s="68"/>
      <c r="C2" s="68"/>
      <c r="D2" s="68"/>
      <c r="E2" s="69"/>
      <c r="F2" s="70"/>
      <c r="G2" s="98"/>
      <c r="H2" s="98"/>
      <c r="I2" s="71"/>
    </row>
    <row r="3" spans="1:9" s="95" customFormat="1" ht="9.9499999999999993" customHeight="1">
      <c r="A3" s="72" t="s">
        <v>381</v>
      </c>
      <c r="B3" s="73"/>
      <c r="C3" s="73"/>
      <c r="D3" s="73"/>
      <c r="E3" s="74"/>
      <c r="F3" s="75"/>
      <c r="G3" s="99"/>
      <c r="H3" s="99"/>
      <c r="I3" s="76"/>
    </row>
    <row r="4" spans="1:9" s="94" customFormat="1" ht="9.9499999999999993" customHeight="1">
      <c r="A4" s="80"/>
      <c r="B4" s="77"/>
      <c r="C4" s="77"/>
      <c r="D4" s="77"/>
      <c r="E4" s="78"/>
      <c r="F4" s="79"/>
      <c r="G4" s="100"/>
      <c r="H4" s="97"/>
      <c r="I4" s="186"/>
    </row>
    <row r="5" spans="1:9" s="95" customFormat="1" ht="9.9499999999999993" customHeight="1">
      <c r="A5" s="67"/>
      <c r="B5" s="68"/>
      <c r="C5" s="630"/>
      <c r="D5" s="68"/>
      <c r="E5" s="69"/>
      <c r="F5" s="70"/>
      <c r="G5" s="98"/>
      <c r="H5" s="98"/>
      <c r="I5" s="71"/>
    </row>
    <row r="6" spans="1:9" s="95" customFormat="1" ht="9.9499999999999993" customHeight="1">
      <c r="A6" s="72"/>
      <c r="B6" s="73" t="s">
        <v>315</v>
      </c>
      <c r="C6" s="631"/>
      <c r="D6" s="73"/>
      <c r="E6" s="74"/>
      <c r="F6" s="75"/>
      <c r="G6" s="99"/>
      <c r="H6" s="99"/>
      <c r="I6" s="76"/>
    </row>
    <row r="7" spans="1:9" s="94" customFormat="1" ht="9.9499999999999993" customHeight="1">
      <c r="A7" s="80"/>
      <c r="B7" s="77"/>
      <c r="C7" s="632"/>
      <c r="D7" s="77"/>
      <c r="E7" s="78"/>
      <c r="F7" s="79"/>
      <c r="G7" s="100"/>
      <c r="H7" s="97"/>
      <c r="I7" s="190"/>
    </row>
    <row r="8" spans="1:9" s="95" customFormat="1" ht="9.9499999999999993" customHeight="1">
      <c r="A8" s="67"/>
      <c r="B8" s="68"/>
      <c r="C8" s="68" t="s">
        <v>277</v>
      </c>
      <c r="D8" s="85"/>
      <c r="E8" s="231"/>
      <c r="F8" s="225"/>
      <c r="G8" s="102"/>
      <c r="H8" s="230"/>
      <c r="I8" s="71"/>
    </row>
    <row r="9" spans="1:9" s="95" customFormat="1" ht="9.9499999999999993" customHeight="1">
      <c r="A9" s="72"/>
      <c r="B9" s="73"/>
      <c r="C9" s="73" t="s">
        <v>316</v>
      </c>
      <c r="D9" s="85"/>
      <c r="E9" s="228"/>
      <c r="F9" s="227"/>
      <c r="G9" s="103"/>
      <c r="H9" s="228"/>
      <c r="I9" s="633"/>
    </row>
    <row r="10" spans="1:9" s="94" customFormat="1" ht="9.9499999999999993" customHeight="1">
      <c r="A10" s="80"/>
      <c r="B10" s="77"/>
      <c r="C10" s="73" t="s">
        <v>426</v>
      </c>
      <c r="D10" s="86"/>
      <c r="E10" s="245" t="s">
        <v>317</v>
      </c>
      <c r="F10" s="227">
        <v>1</v>
      </c>
      <c r="G10" s="101"/>
      <c r="H10" s="224"/>
      <c r="I10" s="634"/>
    </row>
    <row r="11" spans="1:9" s="95" customFormat="1" ht="9.9499999999999993" customHeight="1">
      <c r="A11" s="67"/>
      <c r="B11" s="68"/>
      <c r="C11" s="221"/>
      <c r="D11" s="85"/>
      <c r="E11" s="231"/>
      <c r="F11" s="225"/>
      <c r="G11" s="102"/>
      <c r="H11" s="230"/>
      <c r="I11" s="71"/>
    </row>
    <row r="12" spans="1:9" s="95" customFormat="1" ht="9.9499999999999993" customHeight="1">
      <c r="A12" s="72"/>
      <c r="B12" s="73"/>
      <c r="C12" s="244" t="s">
        <v>427</v>
      </c>
      <c r="D12" s="85"/>
      <c r="E12" s="228"/>
      <c r="F12" s="227"/>
      <c r="G12" s="103"/>
      <c r="H12" s="228"/>
      <c r="I12" s="633"/>
    </row>
    <row r="13" spans="1:9" s="94" customFormat="1" ht="9.9499999999999993" customHeight="1">
      <c r="A13" s="80"/>
      <c r="B13" s="77"/>
      <c r="C13" s="242" t="s">
        <v>428</v>
      </c>
      <c r="D13" s="86"/>
      <c r="E13" s="245" t="s">
        <v>317</v>
      </c>
      <c r="F13" s="227">
        <v>1</v>
      </c>
      <c r="G13" s="101"/>
      <c r="H13" s="224"/>
      <c r="I13" s="634"/>
    </row>
    <row r="14" spans="1:9" s="95" customFormat="1" ht="9.9499999999999993" customHeight="1">
      <c r="A14" s="67"/>
      <c r="B14" s="68"/>
      <c r="C14" s="221"/>
      <c r="D14" s="105"/>
      <c r="E14" s="231"/>
      <c r="F14" s="217"/>
      <c r="G14" s="218"/>
      <c r="H14" s="230"/>
      <c r="I14" s="71"/>
    </row>
    <row r="15" spans="1:9" s="95" customFormat="1" ht="9.9499999999999993" customHeight="1">
      <c r="A15" s="72"/>
      <c r="B15" s="73"/>
      <c r="C15" s="281"/>
      <c r="D15" s="220"/>
      <c r="E15" s="228"/>
      <c r="F15" s="246"/>
      <c r="G15" s="219"/>
      <c r="H15" s="228"/>
      <c r="I15" s="633"/>
    </row>
    <row r="16" spans="1:9" s="94" customFormat="1" ht="9.9499999999999993" customHeight="1">
      <c r="A16" s="80"/>
      <c r="B16" s="77"/>
      <c r="C16" s="243" t="s">
        <v>429</v>
      </c>
      <c r="D16" s="469"/>
      <c r="E16" s="245" t="s">
        <v>317</v>
      </c>
      <c r="F16" s="246">
        <v>1</v>
      </c>
      <c r="G16" s="219"/>
      <c r="H16" s="224"/>
      <c r="I16" s="634"/>
    </row>
    <row r="17" spans="1:9" s="95" customFormat="1" ht="9.9499999999999993" customHeight="1">
      <c r="A17" s="67"/>
      <c r="B17" s="68"/>
      <c r="C17" s="630"/>
      <c r="D17" s="68"/>
      <c r="E17" s="69"/>
      <c r="F17" s="70"/>
      <c r="G17" s="98"/>
      <c r="H17" s="98"/>
      <c r="I17" s="71"/>
    </row>
    <row r="18" spans="1:9" s="95" customFormat="1" ht="9.9499999999999993" customHeight="1">
      <c r="A18" s="72"/>
      <c r="B18" s="73"/>
      <c r="C18" s="631"/>
      <c r="D18" s="73"/>
      <c r="E18" s="74"/>
      <c r="F18" s="75"/>
      <c r="G18" s="99"/>
      <c r="H18" s="99"/>
      <c r="I18" s="633"/>
    </row>
    <row r="19" spans="1:9" s="94" customFormat="1" ht="9.9499999999999993" customHeight="1">
      <c r="A19" s="80"/>
      <c r="B19" s="77"/>
      <c r="C19" s="730" t="s">
        <v>430</v>
      </c>
      <c r="D19" s="77"/>
      <c r="E19" s="78" t="s">
        <v>317</v>
      </c>
      <c r="F19" s="79">
        <v>1</v>
      </c>
      <c r="G19" s="100"/>
      <c r="H19" s="97"/>
      <c r="I19" s="634"/>
    </row>
    <row r="20" spans="1:9" s="95" customFormat="1" ht="9.9499999999999993" customHeight="1">
      <c r="A20" s="67"/>
      <c r="B20" s="68"/>
      <c r="C20" s="68"/>
      <c r="D20" s="85"/>
      <c r="E20" s="231"/>
      <c r="F20" s="225"/>
      <c r="G20" s="102"/>
      <c r="H20" s="230"/>
      <c r="I20" s="71"/>
    </row>
    <row r="21" spans="1:9" s="95" customFormat="1" ht="9.9499999999999993" customHeight="1">
      <c r="A21" s="72"/>
      <c r="B21" s="73"/>
      <c r="C21" s="73"/>
      <c r="D21" s="85"/>
      <c r="E21" s="228"/>
      <c r="F21" s="227"/>
      <c r="G21" s="103"/>
      <c r="H21" s="228"/>
      <c r="I21" s="633"/>
    </row>
    <row r="22" spans="1:9" s="94" customFormat="1" ht="9.9499999999999993" customHeight="1">
      <c r="A22" s="80"/>
      <c r="B22" s="77"/>
      <c r="C22" s="73" t="s">
        <v>349</v>
      </c>
      <c r="D22" s="86"/>
      <c r="E22" s="245"/>
      <c r="F22" s="227"/>
      <c r="G22" s="101"/>
      <c r="H22" s="240"/>
      <c r="I22" s="634"/>
    </row>
    <row r="23" spans="1:9" s="95" customFormat="1" ht="9.9499999999999993" customHeight="1">
      <c r="A23" s="67"/>
      <c r="B23" s="221"/>
      <c r="C23" s="221"/>
      <c r="D23" s="221"/>
      <c r="E23" s="231"/>
      <c r="F23" s="291"/>
      <c r="G23" s="102"/>
      <c r="H23" s="292"/>
      <c r="I23" s="293"/>
    </row>
    <row r="24" spans="1:9" s="95" customFormat="1" ht="9.9499999999999993" customHeight="1">
      <c r="A24" s="72" t="s">
        <v>382</v>
      </c>
      <c r="B24" s="295"/>
      <c r="C24" s="295"/>
      <c r="D24" s="295"/>
      <c r="E24" s="296"/>
      <c r="F24" s="297"/>
      <c r="G24" s="103"/>
      <c r="H24" s="298"/>
      <c r="I24" s="299"/>
    </row>
    <row r="25" spans="1:9" s="94" customFormat="1" ht="9.9499999999999993" customHeight="1">
      <c r="A25" s="80"/>
      <c r="B25" s="301"/>
      <c r="C25" s="302"/>
      <c r="D25" s="302"/>
      <c r="E25" s="302"/>
      <c r="F25" s="303"/>
      <c r="G25" s="101"/>
      <c r="H25" s="304"/>
      <c r="I25" s="305"/>
    </row>
    <row r="26" spans="1:9" s="95" customFormat="1" ht="9.9499999999999993" customHeight="1">
      <c r="A26" s="290"/>
      <c r="B26" s="221"/>
      <c r="C26" s="221"/>
      <c r="D26" s="221"/>
      <c r="E26" s="231"/>
      <c r="F26" s="636"/>
      <c r="G26" s="212"/>
      <c r="H26" s="213"/>
      <c r="I26" s="293"/>
    </row>
    <row r="27" spans="1:9" s="95" customFormat="1" ht="9.9499999999999993" customHeight="1">
      <c r="A27" s="320"/>
      <c r="B27" s="295" t="s">
        <v>320</v>
      </c>
      <c r="C27" s="295"/>
      <c r="D27" s="295"/>
      <c r="E27" s="296"/>
      <c r="F27" s="637"/>
      <c r="G27" s="206"/>
      <c r="H27" s="207"/>
      <c r="I27" s="299"/>
    </row>
    <row r="28" spans="1:9" s="94" customFormat="1" ht="9.9499999999999993" customHeight="1">
      <c r="A28" s="300"/>
      <c r="B28" s="314"/>
      <c r="C28" s="314"/>
      <c r="D28" s="301"/>
      <c r="E28" s="315"/>
      <c r="F28" s="484"/>
      <c r="G28" s="638"/>
      <c r="H28" s="304"/>
      <c r="I28" s="305"/>
    </row>
    <row r="29" spans="1:9" s="95" customFormat="1" ht="9.9499999999999993" customHeight="1">
      <c r="A29" s="290"/>
      <c r="B29" s="221"/>
      <c r="C29" s="221"/>
      <c r="D29" s="295"/>
      <c r="E29" s="231"/>
      <c r="F29" s="291"/>
      <c r="G29" s="102"/>
      <c r="H29" s="292"/>
      <c r="I29" s="293"/>
    </row>
    <row r="30" spans="1:9" s="95" customFormat="1" ht="9.9499999999999993" customHeight="1">
      <c r="A30" s="320"/>
      <c r="B30" s="295"/>
      <c r="C30" s="295"/>
      <c r="D30" s="295"/>
      <c r="E30" s="296"/>
      <c r="F30" s="297"/>
      <c r="G30" s="103"/>
      <c r="H30" s="298"/>
      <c r="I30" s="299"/>
    </row>
    <row r="31" spans="1:9" s="94" customFormat="1" ht="9.9499999999999993" customHeight="1">
      <c r="A31" s="300"/>
      <c r="B31" s="301"/>
      <c r="C31" s="295" t="s">
        <v>321</v>
      </c>
      <c r="D31" s="301" t="s">
        <v>322</v>
      </c>
      <c r="E31" s="315" t="s">
        <v>69</v>
      </c>
      <c r="F31" s="322">
        <v>2</v>
      </c>
      <c r="G31" s="101"/>
      <c r="H31" s="304"/>
      <c r="I31" s="639"/>
    </row>
    <row r="32" spans="1:9" s="95" customFormat="1" ht="9.9499999999999993" customHeight="1">
      <c r="A32" s="290"/>
      <c r="B32" s="221"/>
      <c r="C32" s="221"/>
      <c r="D32" s="324"/>
      <c r="E32" s="231"/>
      <c r="F32" s="291"/>
      <c r="G32" s="102"/>
      <c r="H32" s="640"/>
      <c r="I32" s="641"/>
    </row>
    <row r="33" spans="1:9" s="95" customFormat="1" ht="9.9499999999999993" customHeight="1">
      <c r="A33" s="320"/>
      <c r="B33" s="295"/>
      <c r="C33" s="295"/>
      <c r="D33" s="327" t="s">
        <v>323</v>
      </c>
      <c r="E33" s="296"/>
      <c r="F33" s="297"/>
      <c r="G33" s="103"/>
      <c r="H33" s="103"/>
      <c r="I33" s="299"/>
    </row>
    <row r="34" spans="1:9" s="94" customFormat="1" ht="9.9499999999999993" customHeight="1">
      <c r="A34" s="300"/>
      <c r="B34" s="301"/>
      <c r="C34" s="314" t="s">
        <v>324</v>
      </c>
      <c r="D34" s="301" t="s">
        <v>325</v>
      </c>
      <c r="E34" s="315" t="s">
        <v>69</v>
      </c>
      <c r="F34" s="328">
        <v>17</v>
      </c>
      <c r="G34" s="101"/>
      <c r="H34" s="349"/>
      <c r="I34" s="639"/>
    </row>
    <row r="35" spans="1:9" s="95" customFormat="1" ht="9.9499999999999993" customHeight="1">
      <c r="A35" s="290"/>
      <c r="B35" s="221"/>
      <c r="C35" s="221"/>
      <c r="D35" s="221"/>
      <c r="E35" s="231"/>
      <c r="F35" s="291"/>
      <c r="G35" s="102"/>
      <c r="H35" s="304"/>
      <c r="I35" s="641"/>
    </row>
    <row r="36" spans="1:9" s="95" customFormat="1" ht="9.9499999999999993" customHeight="1">
      <c r="A36" s="320"/>
      <c r="B36" s="295"/>
      <c r="C36" s="295"/>
      <c r="D36" s="295"/>
      <c r="E36" s="296"/>
      <c r="F36" s="297"/>
      <c r="G36" s="103"/>
      <c r="H36" s="304"/>
      <c r="I36" s="299"/>
    </row>
    <row r="37" spans="1:9" s="94" customFormat="1" ht="9.9499999999999993" customHeight="1">
      <c r="A37" s="300"/>
      <c r="B37" s="314"/>
      <c r="C37" s="333"/>
      <c r="D37" s="333"/>
      <c r="E37" s="334"/>
      <c r="F37" s="335"/>
      <c r="G37" s="336"/>
      <c r="H37" s="304"/>
      <c r="I37" s="639"/>
    </row>
    <row r="38" spans="1:9" s="95" customFormat="1" ht="9.9499999999999993" customHeight="1">
      <c r="A38" s="290"/>
      <c r="B38" s="221"/>
      <c r="C38" s="221"/>
      <c r="D38" s="221"/>
      <c r="E38" s="231"/>
      <c r="F38" s="291"/>
      <c r="G38" s="102"/>
      <c r="H38" s="292"/>
      <c r="I38" s="332"/>
    </row>
    <row r="39" spans="1:9" s="95" customFormat="1" ht="9.9499999999999993" customHeight="1">
      <c r="A39" s="320"/>
      <c r="B39" s="295"/>
      <c r="C39" s="295"/>
      <c r="D39" s="295"/>
      <c r="E39" s="296"/>
      <c r="F39" s="297"/>
      <c r="G39" s="103"/>
      <c r="H39" s="298"/>
      <c r="I39" s="299"/>
    </row>
    <row r="40" spans="1:9" s="94" customFormat="1" ht="9.9499999999999993" customHeight="1">
      <c r="A40" s="597"/>
      <c r="B40" s="578"/>
      <c r="C40" s="577" t="s">
        <v>318</v>
      </c>
      <c r="D40" s="577"/>
      <c r="E40" s="578"/>
      <c r="F40" s="598"/>
      <c r="G40" s="579"/>
      <c r="H40" s="580"/>
      <c r="I40" s="599"/>
    </row>
    <row r="41" spans="1:9" s="91" customFormat="1" ht="30" customHeight="1">
      <c r="A41" s="962" t="s">
        <v>31</v>
      </c>
      <c r="B41" s="963"/>
      <c r="C41" s="963"/>
      <c r="D41" s="963"/>
      <c r="E41" s="963"/>
      <c r="F41" s="963"/>
      <c r="G41" s="963"/>
      <c r="H41" s="963"/>
      <c r="I41" s="964"/>
    </row>
    <row r="42" spans="1:9" s="90" customFormat="1" ht="30" customHeight="1">
      <c r="A42" s="116" t="s">
        <v>22</v>
      </c>
      <c r="B42" s="117" t="s">
        <v>23</v>
      </c>
      <c r="C42" s="117" t="s">
        <v>24</v>
      </c>
      <c r="D42" s="117" t="s">
        <v>25</v>
      </c>
      <c r="E42" s="117" t="s">
        <v>26</v>
      </c>
      <c r="F42" s="117" t="s">
        <v>27</v>
      </c>
      <c r="G42" s="591" t="s">
        <v>28</v>
      </c>
      <c r="H42" s="592" t="s">
        <v>29</v>
      </c>
      <c r="I42" s="118" t="s">
        <v>30</v>
      </c>
    </row>
    <row r="43" spans="1:9" s="95" customFormat="1" ht="9.9499999999999993" customHeight="1">
      <c r="A43" s="642"/>
      <c r="B43" s="221"/>
      <c r="C43" s="354"/>
      <c r="D43" s="355"/>
      <c r="E43" s="173"/>
      <c r="F43" s="173"/>
      <c r="G43" s="643"/>
      <c r="H43" s="644"/>
      <c r="I43" s="71"/>
    </row>
    <row r="44" spans="1:9" s="95" customFormat="1" ht="9.9499999999999993" customHeight="1">
      <c r="A44" s="320" t="s">
        <v>383</v>
      </c>
      <c r="B44" s="295"/>
      <c r="C44" s="359"/>
      <c r="D44" s="360"/>
      <c r="E44" s="171"/>
      <c r="F44" s="171"/>
      <c r="G44" s="460"/>
      <c r="H44" s="452"/>
      <c r="I44" s="76"/>
    </row>
    <row r="45" spans="1:9" s="94" customFormat="1" ht="9.9499999999999993" customHeight="1">
      <c r="A45" s="645"/>
      <c r="B45" s="301"/>
      <c r="C45" s="458"/>
      <c r="D45" s="364"/>
      <c r="E45" s="461"/>
      <c r="F45" s="461"/>
      <c r="G45" s="462"/>
      <c r="H45" s="444"/>
      <c r="I45" s="186"/>
    </row>
    <row r="46" spans="1:9" s="95" customFormat="1" ht="9.9499999999999993" customHeight="1">
      <c r="A46" s="646"/>
      <c r="B46" s="221"/>
      <c r="C46" s="665"/>
      <c r="D46" s="666"/>
      <c r="E46" s="665"/>
      <c r="F46" s="666"/>
      <c r="G46" s="665"/>
      <c r="H46" s="666"/>
      <c r="I46" s="71"/>
    </row>
    <row r="47" spans="1:9" s="95" customFormat="1" ht="9.9499999999999993" customHeight="1">
      <c r="A47" s="646"/>
      <c r="B47" s="295" t="s">
        <v>306</v>
      </c>
      <c r="C47" s="665"/>
      <c r="D47" s="667"/>
      <c r="E47" s="665"/>
      <c r="F47" s="667"/>
      <c r="G47" s="665"/>
      <c r="H47" s="667"/>
      <c r="I47" s="76"/>
    </row>
    <row r="48" spans="1:9" s="94" customFormat="1" ht="9.9499999999999993" customHeight="1">
      <c r="A48" s="648"/>
      <c r="B48" s="301"/>
      <c r="C48" s="668" t="s">
        <v>352</v>
      </c>
      <c r="D48" s="302" t="s">
        <v>353</v>
      </c>
      <c r="E48" s="658" t="s">
        <v>71</v>
      </c>
      <c r="F48" s="857">
        <v>5</v>
      </c>
      <c r="G48" s="668"/>
      <c r="H48" s="302"/>
      <c r="I48" s="190"/>
    </row>
    <row r="49" spans="1:9" s="95" customFormat="1" ht="9.9499999999999993" customHeight="1">
      <c r="A49" s="290"/>
      <c r="B49" s="221"/>
      <c r="C49" s="84"/>
      <c r="D49" s="84"/>
      <c r="E49" s="211"/>
      <c r="F49" s="607"/>
      <c r="G49" s="608"/>
      <c r="H49" s="609"/>
      <c r="I49" s="71"/>
    </row>
    <row r="50" spans="1:9" s="95" customFormat="1" ht="9.9499999999999993" customHeight="1">
      <c r="A50" s="320"/>
      <c r="B50" s="295"/>
      <c r="C50" s="472"/>
      <c r="D50" s="85"/>
      <c r="E50" s="174"/>
      <c r="F50" s="610"/>
      <c r="G50" s="611"/>
      <c r="H50" s="611"/>
      <c r="I50" s="633"/>
    </row>
    <row r="51" spans="1:9" s="94" customFormat="1" ht="9.9499999999999993" customHeight="1">
      <c r="A51" s="300"/>
      <c r="B51" s="301"/>
      <c r="C51" s="473" t="s">
        <v>352</v>
      </c>
      <c r="D51" s="86" t="s">
        <v>354</v>
      </c>
      <c r="E51" s="208" t="s">
        <v>71</v>
      </c>
      <c r="F51" s="858">
        <v>5</v>
      </c>
      <c r="G51" s="612"/>
      <c r="H51" s="613"/>
      <c r="I51" s="634"/>
    </row>
    <row r="52" spans="1:9" s="95" customFormat="1" ht="9.9499999999999993" customHeight="1">
      <c r="A52" s="290"/>
      <c r="B52" s="221"/>
      <c r="C52" s="84"/>
      <c r="D52" s="84"/>
      <c r="E52" s="211"/>
      <c r="F52" s="859"/>
      <c r="G52" s="608"/>
      <c r="H52" s="609"/>
      <c r="I52" s="71"/>
    </row>
    <row r="53" spans="1:9" s="95" customFormat="1" ht="9.9499999999999993" customHeight="1">
      <c r="A53" s="320"/>
      <c r="B53" s="295"/>
      <c r="C53" s="472"/>
      <c r="D53" s="85"/>
      <c r="E53" s="174"/>
      <c r="F53" s="860"/>
      <c r="G53" s="611"/>
      <c r="H53" s="611"/>
      <c r="I53" s="633"/>
    </row>
    <row r="54" spans="1:9" s="94" customFormat="1" ht="9.9499999999999993" customHeight="1">
      <c r="A54" s="650"/>
      <c r="B54" s="314"/>
      <c r="C54" s="473" t="s">
        <v>352</v>
      </c>
      <c r="D54" s="86" t="s">
        <v>384</v>
      </c>
      <c r="E54" s="208" t="s">
        <v>71</v>
      </c>
      <c r="F54" s="858">
        <v>7.3</v>
      </c>
      <c r="G54" s="612"/>
      <c r="H54" s="613"/>
      <c r="I54" s="634"/>
    </row>
    <row r="55" spans="1:9" s="95" customFormat="1" ht="9.9499999999999993" customHeight="1">
      <c r="A55" s="290"/>
      <c r="B55" s="221"/>
      <c r="C55" s="84"/>
      <c r="D55" s="84"/>
      <c r="E55" s="211"/>
      <c r="F55" s="859"/>
      <c r="G55" s="608"/>
      <c r="H55" s="609"/>
      <c r="I55" s="71"/>
    </row>
    <row r="56" spans="1:9" s="95" customFormat="1" ht="9.9499999999999993" customHeight="1">
      <c r="A56" s="320"/>
      <c r="B56" s="295"/>
      <c r="C56" s="472"/>
      <c r="D56" s="85"/>
      <c r="E56" s="174"/>
      <c r="F56" s="860"/>
      <c r="G56" s="611"/>
      <c r="H56" s="611"/>
      <c r="I56" s="633"/>
    </row>
    <row r="57" spans="1:9" s="94" customFormat="1" ht="9.9499999999999993" customHeight="1">
      <c r="A57" s="300"/>
      <c r="B57" s="314"/>
      <c r="C57" s="473" t="s">
        <v>352</v>
      </c>
      <c r="D57" s="86" t="s">
        <v>385</v>
      </c>
      <c r="E57" s="208" t="s">
        <v>71</v>
      </c>
      <c r="F57" s="858">
        <v>2</v>
      </c>
      <c r="G57" s="612"/>
      <c r="H57" s="613"/>
      <c r="I57" s="634"/>
    </row>
    <row r="58" spans="1:9" s="95" customFormat="1" ht="9.9499999999999993" customHeight="1">
      <c r="A58" s="290"/>
      <c r="B58" s="68"/>
      <c r="C58" s="84"/>
      <c r="D58" s="84"/>
      <c r="E58" s="211"/>
      <c r="F58" s="861"/>
      <c r="G58" s="611"/>
      <c r="H58" s="609"/>
      <c r="I58" s="71"/>
    </row>
    <row r="59" spans="1:9" s="95" customFormat="1" ht="9.9499999999999993" customHeight="1">
      <c r="A59" s="320"/>
      <c r="B59" s="73"/>
      <c r="C59" s="472"/>
      <c r="D59" s="85"/>
      <c r="E59" s="174"/>
      <c r="F59" s="862"/>
      <c r="G59" s="611"/>
      <c r="H59" s="611"/>
      <c r="I59" s="633"/>
    </row>
    <row r="60" spans="1:9" s="94" customFormat="1" ht="9.9499999999999993" customHeight="1">
      <c r="A60" s="300"/>
      <c r="B60" s="77"/>
      <c r="C60" s="473" t="s">
        <v>352</v>
      </c>
      <c r="D60" s="86" t="s">
        <v>356</v>
      </c>
      <c r="E60" s="208" t="s">
        <v>71</v>
      </c>
      <c r="F60" s="863">
        <v>1.3</v>
      </c>
      <c r="G60" s="612"/>
      <c r="H60" s="613"/>
      <c r="I60" s="634"/>
    </row>
    <row r="61" spans="1:9" s="95" customFormat="1" ht="9.9499999999999993" customHeight="1">
      <c r="A61" s="67"/>
      <c r="B61" s="73"/>
      <c r="C61" s="665"/>
      <c r="D61" s="666"/>
      <c r="E61" s="665"/>
      <c r="F61" s="864"/>
      <c r="G61" s="665"/>
      <c r="H61" s="666"/>
      <c r="I61" s="71"/>
    </row>
    <row r="62" spans="1:9" s="95" customFormat="1" ht="9.9499999999999993" customHeight="1">
      <c r="A62" s="72"/>
      <c r="B62" s="73"/>
      <c r="C62" s="665"/>
      <c r="D62" s="667"/>
      <c r="E62" s="665"/>
      <c r="F62" s="865"/>
      <c r="G62" s="665"/>
      <c r="H62" s="667"/>
      <c r="I62" s="76"/>
    </row>
    <row r="63" spans="1:9" s="94" customFormat="1" ht="9.9499999999999993" customHeight="1">
      <c r="A63" s="80"/>
      <c r="B63" s="77"/>
      <c r="C63" s="473" t="s">
        <v>352</v>
      </c>
      <c r="D63" s="302" t="s">
        <v>386</v>
      </c>
      <c r="E63" s="208" t="s">
        <v>71</v>
      </c>
      <c r="F63" s="857">
        <v>141.80000000000001</v>
      </c>
      <c r="G63" s="684"/>
      <c r="H63" s="613"/>
      <c r="I63" s="190"/>
    </row>
    <row r="64" spans="1:9" s="95" customFormat="1" ht="9.9499999999999993" customHeight="1">
      <c r="A64" s="67"/>
      <c r="B64" s="221"/>
      <c r="C64" s="221"/>
      <c r="D64" s="221"/>
      <c r="E64" s="231"/>
      <c r="F64" s="859"/>
      <c r="G64" s="102"/>
      <c r="H64" s="292"/>
      <c r="I64" s="293"/>
    </row>
    <row r="65" spans="1:9" s="95" customFormat="1" ht="9.9499999999999993" customHeight="1">
      <c r="A65" s="72"/>
      <c r="B65" s="295"/>
      <c r="C65" s="295" t="s">
        <v>357</v>
      </c>
      <c r="D65" s="295"/>
      <c r="E65" s="296"/>
      <c r="F65" s="860"/>
      <c r="G65" s="103"/>
      <c r="H65" s="298"/>
      <c r="I65" s="299"/>
    </row>
    <row r="66" spans="1:9" s="94" customFormat="1" ht="9.9499999999999993" customHeight="1">
      <c r="A66" s="80"/>
      <c r="B66" s="301"/>
      <c r="C66" s="473" t="s">
        <v>358</v>
      </c>
      <c r="D66" s="302"/>
      <c r="E66" s="208" t="s">
        <v>289</v>
      </c>
      <c r="F66" s="872">
        <v>1</v>
      </c>
      <c r="G66" s="101"/>
      <c r="H66" s="613"/>
      <c r="I66" s="305"/>
    </row>
    <row r="67" spans="1:9" s="95" customFormat="1" ht="9.9499999999999993" customHeight="1">
      <c r="A67" s="67"/>
      <c r="B67" s="68"/>
      <c r="C67" s="84"/>
      <c r="D67" s="84"/>
      <c r="E67" s="211"/>
      <c r="F67" s="860"/>
      <c r="G67" s="611"/>
      <c r="H67" s="608"/>
      <c r="I67" s="556"/>
    </row>
    <row r="68" spans="1:9" s="95" customFormat="1" ht="9.9499999999999993" customHeight="1">
      <c r="A68" s="72"/>
      <c r="B68" s="73"/>
      <c r="C68" s="472"/>
      <c r="D68" s="85"/>
      <c r="E68" s="174"/>
      <c r="F68" s="860"/>
      <c r="G68" s="611"/>
      <c r="H68" s="615"/>
      <c r="I68" s="651"/>
    </row>
    <row r="69" spans="1:9" s="94" customFormat="1" ht="9.9499999999999993" customHeight="1">
      <c r="A69" s="80"/>
      <c r="B69" s="93"/>
      <c r="C69" s="473" t="s">
        <v>359</v>
      </c>
      <c r="D69" s="86" t="s">
        <v>331</v>
      </c>
      <c r="E69" s="208" t="s">
        <v>71</v>
      </c>
      <c r="F69" s="858">
        <v>14.3</v>
      </c>
      <c r="G69" s="612"/>
      <c r="H69" s="617"/>
      <c r="I69" s="555"/>
    </row>
    <row r="70" spans="1:9" s="95" customFormat="1" ht="9.9499999999999993" customHeight="1">
      <c r="A70" s="119"/>
      <c r="B70" s="120"/>
      <c r="C70" s="221"/>
      <c r="D70" s="221"/>
      <c r="E70" s="211"/>
      <c r="F70" s="866"/>
      <c r="G70" s="618"/>
      <c r="H70" s="609"/>
      <c r="I70" s="71"/>
    </row>
    <row r="71" spans="1:9" s="95" customFormat="1" ht="9.9499999999999993" customHeight="1">
      <c r="A71" s="124"/>
      <c r="B71" s="125"/>
      <c r="C71" s="649"/>
      <c r="D71" s="281"/>
      <c r="E71" s="174"/>
      <c r="F71" s="867"/>
      <c r="G71" s="619"/>
      <c r="H71" s="611"/>
      <c r="I71" s="633"/>
    </row>
    <row r="72" spans="1:9" s="94" customFormat="1" ht="9.9499999999999993" customHeight="1">
      <c r="A72" s="129"/>
      <c r="B72" s="130"/>
      <c r="C72" s="473" t="s">
        <v>290</v>
      </c>
      <c r="D72" s="474"/>
      <c r="E72" s="208" t="s">
        <v>289</v>
      </c>
      <c r="F72" s="873">
        <v>1</v>
      </c>
      <c r="G72" s="620"/>
      <c r="H72" s="613"/>
      <c r="I72" s="634"/>
    </row>
    <row r="73" spans="1:9" s="95" customFormat="1" ht="9.9499999999999993" customHeight="1">
      <c r="A73" s="119"/>
      <c r="B73" s="120"/>
      <c r="C73" s="84"/>
      <c r="D73" s="84"/>
      <c r="E73" s="211"/>
      <c r="F73" s="859"/>
      <c r="G73" s="611"/>
      <c r="H73" s="608"/>
      <c r="I73" s="556"/>
    </row>
    <row r="74" spans="1:9" s="95" customFormat="1" ht="9.9499999999999993" customHeight="1">
      <c r="A74" s="124"/>
      <c r="B74" s="125"/>
      <c r="C74" s="472"/>
      <c r="D74" s="85"/>
      <c r="E74" s="174"/>
      <c r="F74" s="860"/>
      <c r="G74" s="611"/>
      <c r="H74" s="615"/>
      <c r="I74" s="651"/>
    </row>
    <row r="75" spans="1:9" s="94" customFormat="1" ht="9.9499999999999993" customHeight="1">
      <c r="A75" s="129"/>
      <c r="B75" s="130"/>
      <c r="C75" s="473" t="s">
        <v>387</v>
      </c>
      <c r="D75" s="86"/>
      <c r="E75" s="208" t="s">
        <v>388</v>
      </c>
      <c r="F75" s="874">
        <v>2</v>
      </c>
      <c r="G75" s="612"/>
      <c r="H75" s="617"/>
      <c r="I75" s="555"/>
    </row>
    <row r="76" spans="1:9" s="95" customFormat="1" ht="9.9499999999999993" customHeight="1">
      <c r="A76" s="119"/>
      <c r="B76" s="120"/>
      <c r="C76" s="125"/>
      <c r="D76" s="126"/>
      <c r="E76" s="126"/>
      <c r="F76" s="868"/>
      <c r="G76" s="623"/>
      <c r="H76" s="624"/>
      <c r="I76" s="605"/>
    </row>
    <row r="77" spans="1:9" s="95" customFormat="1" ht="9.9499999999999993" customHeight="1">
      <c r="A77" s="124"/>
      <c r="B77" s="125"/>
      <c r="C77" s="125"/>
      <c r="D77" s="126"/>
      <c r="E77" s="126"/>
      <c r="F77" s="868"/>
      <c r="G77" s="623"/>
      <c r="H77" s="624"/>
      <c r="I77" s="128"/>
    </row>
    <row r="78" spans="1:9" s="94" customFormat="1" ht="9.9499999999999993" customHeight="1">
      <c r="A78" s="129"/>
      <c r="B78" s="130"/>
      <c r="C78" s="137" t="s">
        <v>360</v>
      </c>
      <c r="D78" s="130"/>
      <c r="E78" s="131" t="s">
        <v>329</v>
      </c>
      <c r="F78" s="869">
        <v>6.5</v>
      </c>
      <c r="G78" s="625"/>
      <c r="H78" s="738"/>
      <c r="I78" s="136"/>
    </row>
    <row r="79" spans="1:9" s="95" customFormat="1" ht="9.75" customHeight="1">
      <c r="A79" s="119"/>
      <c r="B79" s="120"/>
      <c r="C79" s="602"/>
      <c r="D79" s="602"/>
      <c r="E79" s="602"/>
      <c r="F79" s="870"/>
      <c r="G79" s="283"/>
      <c r="H79" s="284"/>
      <c r="I79" s="123"/>
    </row>
    <row r="80" spans="1:9" s="95" customFormat="1" ht="9.75" customHeight="1">
      <c r="A80" s="124"/>
      <c r="B80" s="125"/>
      <c r="C80" s="283"/>
      <c r="D80" s="755" t="s">
        <v>389</v>
      </c>
      <c r="E80" s="283"/>
      <c r="F80" s="871"/>
      <c r="G80" s="283"/>
      <c r="H80" s="284"/>
      <c r="I80" s="128"/>
    </row>
    <row r="81" spans="1:9" s="94" customFormat="1" ht="9.9499999999999993" customHeight="1">
      <c r="A81" s="143"/>
      <c r="B81" s="144"/>
      <c r="C81" s="739" t="s">
        <v>390</v>
      </c>
      <c r="D81" s="739" t="s">
        <v>391</v>
      </c>
      <c r="E81" s="740" t="s">
        <v>344</v>
      </c>
      <c r="F81" s="875">
        <v>40</v>
      </c>
      <c r="G81" s="741"/>
      <c r="H81" s="884"/>
      <c r="I81" s="149"/>
    </row>
    <row r="82" spans="1:9" s="96" customFormat="1" ht="30" customHeight="1">
      <c r="A82" s="116" t="s">
        <v>39</v>
      </c>
      <c r="B82" s="117" t="s">
        <v>40</v>
      </c>
      <c r="C82" s="117" t="s">
        <v>36</v>
      </c>
      <c r="D82" s="117" t="s">
        <v>37</v>
      </c>
      <c r="E82" s="117" t="s">
        <v>33</v>
      </c>
      <c r="F82" s="117" t="s">
        <v>32</v>
      </c>
      <c r="G82" s="117" t="s">
        <v>34</v>
      </c>
      <c r="H82" s="114" t="s">
        <v>35</v>
      </c>
      <c r="I82" s="118" t="s">
        <v>38</v>
      </c>
    </row>
    <row r="83" spans="1:9" s="95" customFormat="1" ht="9.9499999999999993" customHeight="1">
      <c r="A83" s="881"/>
      <c r="B83" s="284"/>
      <c r="C83" s="354"/>
      <c r="D83" s="355"/>
      <c r="E83" s="173"/>
      <c r="F83" s="173"/>
      <c r="G83" s="643"/>
      <c r="H83" s="644"/>
      <c r="I83" s="71"/>
    </row>
    <row r="84" spans="1:9" s="95" customFormat="1" ht="9.9499999999999993" customHeight="1">
      <c r="A84" s="882"/>
      <c r="B84" s="284"/>
      <c r="C84" s="359"/>
      <c r="D84" s="360"/>
      <c r="E84" s="171"/>
      <c r="F84" s="171"/>
      <c r="G84" s="460"/>
      <c r="H84" s="452"/>
      <c r="I84" s="76"/>
    </row>
    <row r="85" spans="1:9" s="94" customFormat="1" ht="9.9499999999999993" customHeight="1">
      <c r="A85" s="883"/>
      <c r="B85" s="286"/>
      <c r="C85" s="458" t="s">
        <v>349</v>
      </c>
      <c r="D85" s="364"/>
      <c r="E85" s="461"/>
      <c r="F85" s="461"/>
      <c r="G85" s="462"/>
      <c r="H85" s="738"/>
      <c r="I85" s="186"/>
    </row>
    <row r="86" spans="1:9" s="95" customFormat="1" ht="9.9499999999999993" customHeight="1">
      <c r="A86" s="642"/>
      <c r="B86" s="221"/>
      <c r="C86" s="85"/>
      <c r="D86" s="85"/>
      <c r="E86" s="174"/>
      <c r="F86" s="297"/>
      <c r="G86" s="103"/>
      <c r="H86" s="298"/>
      <c r="I86" s="71"/>
    </row>
    <row r="87" spans="1:9" s="95" customFormat="1" ht="9.9499999999999993" customHeight="1">
      <c r="A87" s="320" t="s">
        <v>392</v>
      </c>
      <c r="B87" s="295"/>
      <c r="C87" s="472"/>
      <c r="D87" s="85"/>
      <c r="E87" s="174"/>
      <c r="F87" s="297"/>
      <c r="G87" s="103"/>
      <c r="H87" s="103"/>
      <c r="I87" s="76"/>
    </row>
    <row r="88" spans="1:9" s="94" customFormat="1" ht="9.9499999999999993" customHeight="1">
      <c r="A88" s="645"/>
      <c r="B88" s="301"/>
      <c r="C88" s="473"/>
      <c r="D88" s="86"/>
      <c r="E88" s="208"/>
      <c r="F88" s="466"/>
      <c r="G88" s="101"/>
      <c r="H88" s="304"/>
      <c r="I88" s="190"/>
    </row>
    <row r="89" spans="1:9" s="95" customFormat="1" ht="9.9499999999999993" customHeight="1">
      <c r="A89" s="646"/>
      <c r="B89" s="221"/>
      <c r="C89" s="665"/>
      <c r="D89" s="666"/>
      <c r="E89" s="665"/>
      <c r="F89" s="666"/>
      <c r="G89" s="665"/>
      <c r="H89" s="666"/>
      <c r="I89" s="71"/>
    </row>
    <row r="90" spans="1:9" s="95" customFormat="1" ht="9.9499999999999993" customHeight="1">
      <c r="A90" s="646"/>
      <c r="B90" s="295" t="s">
        <v>365</v>
      </c>
      <c r="C90" s="665"/>
      <c r="D90" s="667"/>
      <c r="E90" s="665"/>
      <c r="F90" s="667"/>
      <c r="G90" s="665"/>
      <c r="H90" s="667"/>
      <c r="I90" s="633"/>
    </row>
    <row r="91" spans="1:9" s="94" customFormat="1" ht="9.9499999999999993" customHeight="1">
      <c r="A91" s="648"/>
      <c r="B91" s="301"/>
      <c r="C91" s="668"/>
      <c r="D91" s="302"/>
      <c r="E91" s="668"/>
      <c r="F91" s="302"/>
      <c r="G91" s="668"/>
      <c r="H91" s="302"/>
      <c r="I91" s="634"/>
    </row>
    <row r="92" spans="1:9" s="95" customFormat="1" ht="9.9499999999999993" customHeight="1">
      <c r="A92" s="290"/>
      <c r="B92" s="221"/>
      <c r="C92" s="354"/>
      <c r="D92" s="355"/>
      <c r="E92" s="355"/>
      <c r="F92" s="356"/>
      <c r="G92" s="357"/>
      <c r="H92" s="357"/>
      <c r="I92" s="71"/>
    </row>
    <row r="93" spans="1:9" s="95" customFormat="1" ht="9.9499999999999993" customHeight="1">
      <c r="A93" s="320"/>
      <c r="B93" s="295"/>
      <c r="C93" s="359"/>
      <c r="D93" s="360"/>
      <c r="E93" s="360" t="s">
        <v>334</v>
      </c>
      <c r="F93" s="356"/>
      <c r="G93" s="653"/>
      <c r="H93" s="653"/>
      <c r="I93" s="633"/>
    </row>
    <row r="94" spans="1:9" s="94" customFormat="1" ht="9.9499999999999993" customHeight="1">
      <c r="A94" s="300"/>
      <c r="B94" s="301"/>
      <c r="C94" s="371" t="s">
        <v>335</v>
      </c>
      <c r="D94" s="364"/>
      <c r="E94" s="364" t="s">
        <v>336</v>
      </c>
      <c r="F94" s="210">
        <v>1</v>
      </c>
      <c r="G94" s="304"/>
      <c r="H94" s="304"/>
      <c r="I94" s="634"/>
    </row>
    <row r="95" spans="1:9" s="95" customFormat="1" ht="9.9499999999999993" customHeight="1">
      <c r="A95" s="290"/>
      <c r="B95" s="221"/>
      <c r="C95" s="654"/>
      <c r="D95" s="655"/>
      <c r="E95" s="656"/>
      <c r="F95" s="356"/>
      <c r="G95" s="357"/>
      <c r="H95" s="102"/>
      <c r="I95" s="71"/>
    </row>
    <row r="96" spans="1:9" s="95" customFormat="1" ht="9.9499999999999993" customHeight="1">
      <c r="A96" s="320"/>
      <c r="B96" s="295"/>
      <c r="C96" s="657"/>
      <c r="D96" s="658"/>
      <c r="E96" s="659"/>
      <c r="F96" s="356"/>
      <c r="G96" s="653"/>
      <c r="H96" s="647"/>
      <c r="I96" s="633"/>
    </row>
    <row r="97" spans="1:9" s="94" customFormat="1" ht="9.9499999999999993" customHeight="1">
      <c r="A97" s="300"/>
      <c r="B97" s="314"/>
      <c r="C97" s="302" t="s">
        <v>318</v>
      </c>
      <c r="D97" s="660"/>
      <c r="E97" s="661"/>
      <c r="F97" s="210"/>
      <c r="G97" s="369"/>
      <c r="H97" s="181"/>
      <c r="I97" s="634"/>
    </row>
    <row r="98" spans="1:9" s="95" customFormat="1" ht="9.9499999999999993" customHeight="1">
      <c r="A98" s="642"/>
      <c r="B98" s="221"/>
      <c r="C98" s="354"/>
      <c r="D98" s="355"/>
      <c r="E98" s="173"/>
      <c r="F98" s="173"/>
      <c r="G98" s="643"/>
      <c r="H98" s="644"/>
      <c r="I98" s="71"/>
    </row>
    <row r="99" spans="1:9" s="95" customFormat="1" ht="9.9499999999999993" customHeight="1">
      <c r="A99" s="320" t="s">
        <v>393</v>
      </c>
      <c r="B99" s="295"/>
      <c r="C99" s="359"/>
      <c r="D99" s="360"/>
      <c r="E99" s="171"/>
      <c r="F99" s="171"/>
      <c r="G99" s="460"/>
      <c r="H99" s="452"/>
      <c r="I99" s="633"/>
    </row>
    <row r="100" spans="1:9" s="94" customFormat="1" ht="9.9499999999999993" customHeight="1">
      <c r="A100" s="645"/>
      <c r="B100" s="301"/>
      <c r="C100" s="458"/>
      <c r="D100" s="364"/>
      <c r="E100" s="461"/>
      <c r="F100" s="461"/>
      <c r="G100" s="462"/>
      <c r="H100" s="444"/>
      <c r="I100" s="634"/>
    </row>
    <row r="101" spans="1:9" s="95" customFormat="1" ht="9.9499999999999993" customHeight="1">
      <c r="A101" s="290"/>
      <c r="B101" s="221"/>
      <c r="C101" s="665"/>
      <c r="D101" s="666"/>
      <c r="E101" s="665"/>
      <c r="F101" s="666"/>
      <c r="G101" s="665"/>
      <c r="H101" s="666"/>
      <c r="I101" s="71"/>
    </row>
    <row r="102" spans="1:9" s="95" customFormat="1" ht="9.9499999999999993" customHeight="1">
      <c r="A102" s="320"/>
      <c r="B102" s="295" t="s">
        <v>338</v>
      </c>
      <c r="C102" s="665"/>
      <c r="D102" s="667"/>
      <c r="E102" s="665"/>
      <c r="F102" s="667"/>
      <c r="G102" s="665"/>
      <c r="H102" s="667"/>
      <c r="I102" s="633"/>
    </row>
    <row r="103" spans="1:9" s="94" customFormat="1" ht="9.9499999999999993" customHeight="1">
      <c r="A103" s="300"/>
      <c r="B103" s="301"/>
      <c r="C103" s="668"/>
      <c r="D103" s="302"/>
      <c r="E103" s="668"/>
      <c r="F103" s="302"/>
      <c r="G103" s="302"/>
      <c r="H103" s="302"/>
      <c r="I103" s="634"/>
    </row>
    <row r="104" spans="1:9" s="95" customFormat="1" ht="9.9499999999999993" customHeight="1">
      <c r="A104" s="290"/>
      <c r="B104" s="221"/>
      <c r="C104" s="84"/>
      <c r="D104" s="84"/>
      <c r="E104" s="211"/>
      <c r="F104" s="70"/>
      <c r="G104" s="103"/>
      <c r="H104" s="292"/>
      <c r="I104" s="71"/>
    </row>
    <row r="105" spans="1:9" s="95" customFormat="1" ht="9.9499999999999993" customHeight="1">
      <c r="A105" s="320"/>
      <c r="B105" s="295"/>
      <c r="C105" s="472"/>
      <c r="D105" s="85"/>
      <c r="E105" s="174"/>
      <c r="F105" s="75"/>
      <c r="G105" s="103"/>
      <c r="H105" s="103"/>
      <c r="I105" s="633"/>
    </row>
    <row r="106" spans="1:9" s="94" customFormat="1" ht="9.9499999999999993" customHeight="1">
      <c r="A106" s="300"/>
      <c r="B106" s="301"/>
      <c r="C106" s="473" t="s">
        <v>367</v>
      </c>
      <c r="D106" s="86" t="s">
        <v>368</v>
      </c>
      <c r="E106" s="208" t="s">
        <v>341</v>
      </c>
      <c r="F106" s="79">
        <v>1.17</v>
      </c>
      <c r="G106" s="101"/>
      <c r="H106" s="613"/>
      <c r="I106" s="634"/>
    </row>
    <row r="107" spans="1:9" s="95" customFormat="1" ht="9.9499999999999993" customHeight="1">
      <c r="A107" s="290"/>
      <c r="B107" s="221"/>
      <c r="C107" s="84"/>
      <c r="D107" s="84"/>
      <c r="E107" s="211"/>
      <c r="F107" s="470"/>
      <c r="G107" s="103"/>
      <c r="H107" s="292"/>
      <c r="I107" s="71"/>
    </row>
    <row r="108" spans="1:9" s="95" customFormat="1" ht="9.9499999999999993" customHeight="1">
      <c r="A108" s="320"/>
      <c r="B108" s="295"/>
      <c r="C108" s="472"/>
      <c r="D108" s="85"/>
      <c r="E108" s="174"/>
      <c r="F108" s="227"/>
      <c r="G108" s="103"/>
      <c r="H108" s="103"/>
      <c r="I108" s="633"/>
    </row>
    <row r="109" spans="1:9" s="94" customFormat="1" ht="9.9499999999999993" customHeight="1">
      <c r="A109" s="650"/>
      <c r="B109" s="314"/>
      <c r="C109" s="473" t="s">
        <v>369</v>
      </c>
      <c r="D109" s="86"/>
      <c r="E109" s="208" t="s">
        <v>329</v>
      </c>
      <c r="F109" s="227">
        <v>13.3</v>
      </c>
      <c r="G109" s="101"/>
      <c r="H109" s="613"/>
      <c r="I109" s="634"/>
    </row>
    <row r="110" spans="1:9" s="95" customFormat="1" ht="9.9499999999999993" customHeight="1">
      <c r="A110" s="290"/>
      <c r="B110" s="221"/>
      <c r="C110" s="84"/>
      <c r="D110" s="84"/>
      <c r="E110" s="211"/>
      <c r="F110" s="217"/>
      <c r="G110" s="218"/>
      <c r="H110" s="292"/>
      <c r="I110" s="71"/>
    </row>
    <row r="111" spans="1:9" s="95" customFormat="1" ht="9.9499999999999993" customHeight="1">
      <c r="A111" s="320"/>
      <c r="B111" s="295"/>
      <c r="C111" s="472"/>
      <c r="D111" s="85"/>
      <c r="E111" s="174"/>
      <c r="F111" s="246"/>
      <c r="G111" s="219"/>
      <c r="H111" s="103"/>
      <c r="I111" s="633"/>
    </row>
    <row r="112" spans="1:9" s="94" customFormat="1" ht="9.9499999999999993" customHeight="1">
      <c r="A112" s="300"/>
      <c r="B112" s="314"/>
      <c r="C112" s="473" t="s">
        <v>370</v>
      </c>
      <c r="D112" s="86" t="s">
        <v>371</v>
      </c>
      <c r="E112" s="208" t="s">
        <v>344</v>
      </c>
      <c r="F112" s="246">
        <v>1.95</v>
      </c>
      <c r="G112" s="219"/>
      <c r="H112" s="613"/>
      <c r="I112" s="634"/>
    </row>
    <row r="113" spans="1:9" s="95" customFormat="1" ht="9.9499999999999993" customHeight="1">
      <c r="A113" s="290"/>
      <c r="B113" s="68"/>
      <c r="C113" s="84"/>
      <c r="D113" s="84"/>
      <c r="E113" s="211"/>
      <c r="F113" s="225"/>
      <c r="G113" s="218"/>
      <c r="H113" s="292"/>
      <c r="I113" s="139"/>
    </row>
    <row r="114" spans="1:9" s="95" customFormat="1" ht="9.9499999999999993" customHeight="1">
      <c r="A114" s="320"/>
      <c r="B114" s="73"/>
      <c r="C114" s="472"/>
      <c r="D114" s="85"/>
      <c r="E114" s="174"/>
      <c r="F114" s="227"/>
      <c r="G114" s="219"/>
      <c r="H114" s="103"/>
      <c r="I114" s="128"/>
    </row>
    <row r="115" spans="1:9" s="94" customFormat="1" ht="9.9499999999999993" customHeight="1">
      <c r="A115" s="300"/>
      <c r="B115" s="77"/>
      <c r="C115" s="473" t="s">
        <v>372</v>
      </c>
      <c r="D115" s="86"/>
      <c r="E115" s="208" t="s">
        <v>341</v>
      </c>
      <c r="F115" s="227">
        <v>0.92</v>
      </c>
      <c r="G115" s="219"/>
      <c r="H115" s="613"/>
      <c r="I115" s="136"/>
    </row>
    <row r="116" spans="1:9" s="95" customFormat="1" ht="9.9499999999999993" customHeight="1">
      <c r="A116" s="642"/>
      <c r="B116" s="221"/>
      <c r="C116" s="221"/>
      <c r="D116" s="221"/>
      <c r="E116" s="211"/>
      <c r="F116" s="225"/>
      <c r="G116" s="218"/>
      <c r="H116" s="292"/>
      <c r="I116" s="142"/>
    </row>
    <row r="117" spans="1:9" s="95" customFormat="1" ht="9.9499999999999993" customHeight="1">
      <c r="A117" s="320"/>
      <c r="B117" s="295"/>
      <c r="C117" s="649"/>
      <c r="D117" s="281"/>
      <c r="E117" s="174"/>
      <c r="F117" s="227"/>
      <c r="G117" s="219"/>
      <c r="H117" s="103"/>
      <c r="I117" s="128"/>
    </row>
    <row r="118" spans="1:9" s="94" customFormat="1" ht="9.9499999999999993" customHeight="1">
      <c r="A118" s="645"/>
      <c r="B118" s="301"/>
      <c r="C118" s="244" t="s">
        <v>373</v>
      </c>
      <c r="D118" s="474"/>
      <c r="E118" s="208" t="s">
        <v>341</v>
      </c>
      <c r="F118" s="227">
        <v>0.59</v>
      </c>
      <c r="G118" s="219"/>
      <c r="H118" s="613"/>
      <c r="I118" s="136"/>
    </row>
    <row r="119" spans="1:9" s="95" customFormat="1" ht="9.9499999999999993" customHeight="1">
      <c r="A119" s="119"/>
      <c r="B119" s="120"/>
      <c r="C119" s="68"/>
      <c r="D119" s="89"/>
      <c r="E119" s="69"/>
      <c r="F119" s="70"/>
      <c r="G119" s="173"/>
      <c r="H119" s="179"/>
      <c r="I119" s="123"/>
    </row>
    <row r="120" spans="1:9" s="95" customFormat="1" ht="9.9499999999999993" customHeight="1">
      <c r="A120" s="124"/>
      <c r="B120" s="125"/>
      <c r="C120" s="73"/>
      <c r="D120" s="73"/>
      <c r="E120" s="74" t="s">
        <v>374</v>
      </c>
      <c r="F120" s="75"/>
      <c r="G120" s="171"/>
      <c r="H120" s="180"/>
      <c r="I120" s="128"/>
    </row>
    <row r="121" spans="1:9" s="94" customFormat="1" ht="9.9499999999999993" customHeight="1">
      <c r="A121" s="143"/>
      <c r="B121" s="130"/>
      <c r="C121" s="77" t="s">
        <v>375</v>
      </c>
      <c r="D121" s="77"/>
      <c r="E121" s="78" t="s">
        <v>336</v>
      </c>
      <c r="F121" s="79">
        <v>1</v>
      </c>
      <c r="G121" s="172"/>
      <c r="H121" s="613"/>
      <c r="I121" s="149"/>
    </row>
    <row r="122" spans="1:9" s="91" customFormat="1" ht="30" customHeight="1">
      <c r="A122" s="962" t="s">
        <v>31</v>
      </c>
      <c r="B122" s="963"/>
      <c r="C122" s="963"/>
      <c r="D122" s="963"/>
      <c r="E122" s="963"/>
      <c r="F122" s="963"/>
      <c r="G122" s="963"/>
      <c r="H122" s="963"/>
      <c r="I122" s="964"/>
    </row>
    <row r="123" spans="1:9" s="90" customFormat="1" ht="30" customHeight="1">
      <c r="A123" s="150" t="s">
        <v>22</v>
      </c>
      <c r="B123" s="151" t="s">
        <v>23</v>
      </c>
      <c r="C123" s="151" t="s">
        <v>24</v>
      </c>
      <c r="D123" s="151" t="s">
        <v>25</v>
      </c>
      <c r="E123" s="151" t="s">
        <v>26</v>
      </c>
      <c r="F123" s="151" t="s">
        <v>27</v>
      </c>
      <c r="G123" s="152" t="s">
        <v>28</v>
      </c>
      <c r="H123" s="153" t="s">
        <v>29</v>
      </c>
      <c r="I123" s="154" t="s">
        <v>30</v>
      </c>
    </row>
    <row r="124" spans="1:9" s="95" customFormat="1" ht="9.9499999999999993" customHeight="1">
      <c r="A124" s="642"/>
      <c r="B124" s="221"/>
      <c r="C124" s="120"/>
      <c r="D124" s="121"/>
      <c r="E124" s="121"/>
      <c r="F124" s="122"/>
      <c r="G124" s="106"/>
      <c r="H124" s="112"/>
      <c r="I124" s="71"/>
    </row>
    <row r="125" spans="1:9" s="95" customFormat="1" ht="9.9499999999999993" customHeight="1">
      <c r="A125" s="320"/>
      <c r="B125" s="295"/>
      <c r="C125" s="125"/>
      <c r="D125" s="126"/>
      <c r="E125" s="126"/>
      <c r="F125" s="127"/>
      <c r="G125" s="107"/>
      <c r="H125" s="113"/>
      <c r="I125" s="76"/>
    </row>
    <row r="126" spans="1:9" s="94" customFormat="1" ht="9.9499999999999993" customHeight="1">
      <c r="A126" s="645"/>
      <c r="B126" s="301"/>
      <c r="C126" s="125" t="s">
        <v>376</v>
      </c>
      <c r="D126" s="130" t="s">
        <v>377</v>
      </c>
      <c r="E126" s="131" t="s">
        <v>378</v>
      </c>
      <c r="F126" s="132">
        <v>1.37</v>
      </c>
      <c r="G126" s="108"/>
      <c r="H126" s="613"/>
      <c r="I126" s="186"/>
    </row>
    <row r="127" spans="1:9" s="95" customFormat="1" ht="9.9499999999999993" customHeight="1">
      <c r="A127" s="642"/>
      <c r="B127" s="221"/>
      <c r="C127" s="84"/>
      <c r="D127" s="84"/>
      <c r="E127" s="211"/>
      <c r="F127" s="217"/>
      <c r="G127" s="218"/>
      <c r="H127" s="292"/>
      <c r="I127" s="71"/>
    </row>
    <row r="128" spans="1:9" s="95" customFormat="1" ht="9.9499999999999993" customHeight="1">
      <c r="A128" s="320"/>
      <c r="B128" s="295"/>
      <c r="C128" s="472"/>
      <c r="D128" s="85"/>
      <c r="E128" s="174"/>
      <c r="F128" s="246"/>
      <c r="G128" s="219"/>
      <c r="H128" s="103"/>
      <c r="I128" s="76"/>
    </row>
    <row r="129" spans="1:9" s="94" customFormat="1" ht="9.9499999999999993" customHeight="1">
      <c r="A129" s="645"/>
      <c r="B129" s="301"/>
      <c r="C129" s="473" t="s">
        <v>343</v>
      </c>
      <c r="D129" s="86"/>
      <c r="E129" s="208" t="s">
        <v>344</v>
      </c>
      <c r="F129" s="246">
        <v>7.0000000000000001E-3</v>
      </c>
      <c r="G129" s="557"/>
      <c r="H129" s="613"/>
      <c r="I129" s="190"/>
    </row>
    <row r="130" spans="1:9" s="95" customFormat="1" ht="9.9499999999999993" customHeight="1">
      <c r="A130" s="343"/>
      <c r="B130" s="68"/>
      <c r="C130" s="84"/>
      <c r="D130" s="84"/>
      <c r="E130" s="211"/>
      <c r="F130" s="217"/>
      <c r="G130" s="218"/>
      <c r="H130" s="292"/>
      <c r="I130" s="71"/>
    </row>
    <row r="131" spans="1:9" s="95" customFormat="1" ht="9.9499999999999993" customHeight="1">
      <c r="A131" s="294"/>
      <c r="B131" s="73"/>
      <c r="C131" s="472"/>
      <c r="D131" s="85"/>
      <c r="E131" s="174"/>
      <c r="F131" s="246"/>
      <c r="G131" s="219"/>
      <c r="H131" s="103"/>
      <c r="I131" s="193"/>
    </row>
    <row r="132" spans="1:9" s="94" customFormat="1" ht="9.9499999999999993" customHeight="1">
      <c r="A132" s="344"/>
      <c r="B132" s="77"/>
      <c r="C132" s="473"/>
      <c r="D132" s="86"/>
      <c r="E132" s="208"/>
      <c r="F132" s="246"/>
      <c r="G132" s="557"/>
      <c r="H132" s="613"/>
      <c r="I132" s="194"/>
    </row>
    <row r="133" spans="1:9" s="95" customFormat="1" ht="9.9499999999999993" customHeight="1">
      <c r="A133" s="67"/>
      <c r="B133" s="73"/>
      <c r="C133" s="221"/>
      <c r="D133" s="350"/>
      <c r="E133" s="231"/>
      <c r="F133" s="742"/>
      <c r="G133" s="336"/>
      <c r="H133" s="102"/>
      <c r="I133" s="71"/>
    </row>
    <row r="134" spans="1:9" s="95" customFormat="1" ht="9.9499999999999993" customHeight="1">
      <c r="A134" s="72"/>
      <c r="B134" s="73"/>
      <c r="C134" s="295"/>
      <c r="D134" s="327"/>
      <c r="E134" s="296"/>
      <c r="F134" s="297"/>
      <c r="G134" s="336"/>
      <c r="H134" s="647"/>
      <c r="I134" s="193"/>
    </row>
    <row r="135" spans="1:9" s="94" customFormat="1" ht="9.9499999999999993" customHeight="1">
      <c r="A135" s="80"/>
      <c r="B135" s="77"/>
      <c r="C135" s="301" t="s">
        <v>349</v>
      </c>
      <c r="D135" s="301"/>
      <c r="E135" s="315"/>
      <c r="F135" s="482"/>
      <c r="G135" s="348"/>
      <c r="H135" s="181"/>
      <c r="I135" s="194"/>
    </row>
    <row r="136" spans="1:9" s="95" customFormat="1" ht="9.9499999999999993" customHeight="1">
      <c r="A136" s="67"/>
      <c r="B136" s="68"/>
      <c r="C136" s="84"/>
      <c r="D136" s="84"/>
      <c r="E136" s="211"/>
      <c r="F136" s="217"/>
      <c r="G136" s="218"/>
      <c r="H136" s="292"/>
      <c r="I136" s="71"/>
    </row>
    <row r="137" spans="1:9" s="95" customFormat="1" ht="9.9499999999999993" customHeight="1">
      <c r="A137" s="72"/>
      <c r="B137" s="73"/>
      <c r="C137" s="472"/>
      <c r="D137" s="85"/>
      <c r="E137" s="174"/>
      <c r="F137" s="246"/>
      <c r="G137" s="219"/>
      <c r="H137" s="103"/>
      <c r="I137" s="193"/>
    </row>
    <row r="138" spans="1:9" s="94" customFormat="1" ht="9.9499999999999993" customHeight="1">
      <c r="A138" s="80"/>
      <c r="B138" s="77"/>
      <c r="C138" s="473"/>
      <c r="D138" s="86"/>
      <c r="E138" s="208"/>
      <c r="F138" s="246"/>
      <c r="G138" s="557"/>
      <c r="H138" s="304"/>
      <c r="I138" s="194"/>
    </row>
    <row r="139" spans="1:9" s="95" customFormat="1" ht="9.9499999999999993" customHeight="1">
      <c r="A139" s="343"/>
      <c r="B139" s="68"/>
      <c r="C139" s="84"/>
      <c r="D139" s="84"/>
      <c r="E139" s="211"/>
      <c r="F139" s="70"/>
      <c r="G139" s="103"/>
      <c r="H139" s="292"/>
      <c r="I139" s="71"/>
    </row>
    <row r="140" spans="1:9" s="95" customFormat="1" ht="9.9499999999999993" customHeight="1">
      <c r="A140" s="294"/>
      <c r="B140" s="73"/>
      <c r="C140" s="472"/>
      <c r="D140" s="85"/>
      <c r="E140" s="174"/>
      <c r="F140" s="75"/>
      <c r="G140" s="103"/>
      <c r="H140" s="103"/>
      <c r="I140" s="193"/>
    </row>
    <row r="141" spans="1:9" s="94" customFormat="1" ht="9.9499999999999993" customHeight="1">
      <c r="A141" s="344"/>
      <c r="B141" s="77"/>
      <c r="C141" s="473"/>
      <c r="D141" s="86"/>
      <c r="E141" s="208"/>
      <c r="F141" s="79"/>
      <c r="G141" s="101"/>
      <c r="H141" s="304"/>
      <c r="I141" s="194"/>
    </row>
    <row r="142" spans="1:9" s="95" customFormat="1" ht="9.9499999999999993" customHeight="1">
      <c r="A142" s="338"/>
      <c r="B142" s="221"/>
      <c r="C142" s="354"/>
      <c r="D142" s="355"/>
      <c r="E142" s="173"/>
      <c r="F142" s="173"/>
      <c r="G142" s="459"/>
      <c r="H142" s="450"/>
      <c r="I142" s="71"/>
    </row>
    <row r="143" spans="1:9" s="95" customFormat="1" ht="9.9499999999999993" customHeight="1">
      <c r="A143" s="294" t="s">
        <v>394</v>
      </c>
      <c r="B143" s="295"/>
      <c r="C143" s="359"/>
      <c r="D143" s="360"/>
      <c r="E143" s="171"/>
      <c r="F143" s="171"/>
      <c r="G143" s="460"/>
      <c r="H143" s="452"/>
      <c r="I143" s="193"/>
    </row>
    <row r="144" spans="1:9" s="94" customFormat="1" ht="9.9499999999999993" customHeight="1">
      <c r="A144" s="342"/>
      <c r="B144" s="301"/>
      <c r="C144" s="458"/>
      <c r="D144" s="364"/>
      <c r="E144" s="461"/>
      <c r="F144" s="461"/>
      <c r="G144" s="462"/>
      <c r="H144" s="444"/>
      <c r="I144" s="194"/>
    </row>
    <row r="145" spans="1:9" s="95" customFormat="1" ht="9.9499999999999993" customHeight="1">
      <c r="A145" s="343"/>
      <c r="B145" s="306"/>
      <c r="C145" s="454"/>
      <c r="D145" s="455"/>
      <c r="E145" s="454"/>
      <c r="F145" s="455"/>
      <c r="G145" s="454"/>
      <c r="H145" s="455"/>
      <c r="I145" s="71"/>
    </row>
    <row r="146" spans="1:9" s="95" customFormat="1" ht="9.9499999999999993" customHeight="1">
      <c r="A146" s="294"/>
      <c r="B146" s="310" t="s">
        <v>313</v>
      </c>
      <c r="C146" s="454"/>
      <c r="D146" s="456"/>
      <c r="E146" s="454"/>
      <c r="F146" s="456"/>
      <c r="G146" s="454"/>
      <c r="H146" s="456"/>
      <c r="I146" s="193"/>
    </row>
    <row r="147" spans="1:9" s="94" customFormat="1" ht="9.9499999999999993" customHeight="1">
      <c r="A147" s="344"/>
      <c r="B147" s="453"/>
      <c r="C147" s="457"/>
      <c r="D147" s="363"/>
      <c r="E147" s="457"/>
      <c r="F147" s="363"/>
      <c r="G147" s="457"/>
      <c r="H147" s="363"/>
      <c r="I147" s="194"/>
    </row>
    <row r="148" spans="1:9" s="95" customFormat="1" ht="9.9499999999999993" customHeight="1">
      <c r="A148" s="343"/>
      <c r="B148" s="306"/>
      <c r="C148" s="68"/>
      <c r="D148" s="89"/>
      <c r="E148" s="69"/>
      <c r="F148" s="356"/>
      <c r="G148" s="575"/>
      <c r="H148" s="102"/>
      <c r="I148" s="71"/>
    </row>
    <row r="149" spans="1:9" s="95" customFormat="1" ht="9.9499999999999993" customHeight="1">
      <c r="A149" s="294"/>
      <c r="B149" s="310"/>
      <c r="C149" s="73"/>
      <c r="D149" s="73"/>
      <c r="E149" s="74"/>
      <c r="F149" s="356"/>
      <c r="G149" s="336"/>
      <c r="H149" s="340"/>
      <c r="I149" s="193"/>
    </row>
    <row r="150" spans="1:9" s="94" customFormat="1" ht="9.9499999999999993" customHeight="1">
      <c r="A150" s="344"/>
      <c r="B150" s="453"/>
      <c r="C150" s="77" t="s">
        <v>395</v>
      </c>
      <c r="D150" s="77" t="s">
        <v>396</v>
      </c>
      <c r="E150" s="78" t="s">
        <v>397</v>
      </c>
      <c r="F150" s="483">
        <v>13.58</v>
      </c>
      <c r="G150" s="348"/>
      <c r="H150" s="181"/>
      <c r="I150" s="194"/>
    </row>
    <row r="151" spans="1:9" s="95" customFormat="1" ht="9.9499999999999993" customHeight="1">
      <c r="A151" s="343"/>
      <c r="B151" s="221"/>
      <c r="C151" s="221"/>
      <c r="D151" s="350"/>
      <c r="E151" s="231"/>
      <c r="F151" s="356"/>
      <c r="G151" s="336"/>
      <c r="H151" s="102"/>
      <c r="I151" s="71"/>
    </row>
    <row r="152" spans="1:9" s="95" customFormat="1" ht="9.9499999999999993" customHeight="1">
      <c r="A152" s="294"/>
      <c r="B152" s="295"/>
      <c r="C152" s="295"/>
      <c r="D152" s="327"/>
      <c r="E152" s="296"/>
      <c r="F152" s="356"/>
      <c r="G152" s="336"/>
      <c r="H152" s="340"/>
      <c r="I152" s="193"/>
    </row>
    <row r="153" spans="1:9" s="94" customFormat="1" ht="9.9499999999999993" customHeight="1">
      <c r="A153" s="465"/>
      <c r="B153" s="314"/>
      <c r="C153" s="301" t="s">
        <v>313</v>
      </c>
      <c r="D153" s="301" t="s">
        <v>398</v>
      </c>
      <c r="E153" s="315" t="s">
        <v>397</v>
      </c>
      <c r="F153" s="483">
        <v>6.48</v>
      </c>
      <c r="G153" s="348"/>
      <c r="H153" s="181"/>
      <c r="I153" s="194"/>
    </row>
    <row r="154" spans="1:9" s="95" customFormat="1" ht="9.9499999999999993" customHeight="1">
      <c r="A154" s="343"/>
      <c r="B154" s="221"/>
      <c r="C154" s="68"/>
      <c r="D154" s="89"/>
      <c r="E154" s="69"/>
      <c r="F154" s="70"/>
      <c r="G154" s="173"/>
      <c r="H154" s="179"/>
      <c r="I154" s="663"/>
    </row>
    <row r="155" spans="1:9" s="95" customFormat="1" ht="9.9499999999999993" customHeight="1">
      <c r="A155" s="294"/>
      <c r="B155" s="295"/>
      <c r="C155" s="73"/>
      <c r="D155" s="73"/>
      <c r="E155" s="74"/>
      <c r="F155" s="75"/>
      <c r="G155" s="171"/>
      <c r="H155" s="180"/>
      <c r="I155" s="664"/>
    </row>
    <row r="156" spans="1:9" s="94" customFormat="1" ht="9.9499999999999993" customHeight="1">
      <c r="A156" s="344"/>
      <c r="B156" s="314"/>
      <c r="C156" s="77" t="s">
        <v>313</v>
      </c>
      <c r="D156" s="77" t="s">
        <v>380</v>
      </c>
      <c r="E156" s="78" t="s">
        <v>347</v>
      </c>
      <c r="F156" s="79">
        <v>0.62</v>
      </c>
      <c r="G156" s="172"/>
      <c r="H156" s="181"/>
      <c r="I156" s="366"/>
    </row>
    <row r="157" spans="1:9" s="95" customFormat="1" ht="9.9499999999999993" customHeight="1">
      <c r="A157" s="343"/>
      <c r="B157" s="68"/>
      <c r="C157" s="84"/>
      <c r="D157" s="84"/>
      <c r="E157" s="211"/>
      <c r="F157" s="70"/>
      <c r="G157" s="103"/>
      <c r="H157" s="292"/>
      <c r="I157" s="139"/>
    </row>
    <row r="158" spans="1:9" s="95" customFormat="1" ht="9.9499999999999993" customHeight="1">
      <c r="A158" s="294"/>
      <c r="B158" s="73"/>
      <c r="C158" s="472"/>
      <c r="D158" s="85"/>
      <c r="E158" s="174"/>
      <c r="F158" s="75"/>
      <c r="G158" s="103"/>
      <c r="H158" s="103"/>
      <c r="I158" s="367"/>
    </row>
    <row r="159" spans="1:9" s="94" customFormat="1" ht="9.9499999999999993" customHeight="1">
      <c r="A159" s="344"/>
      <c r="B159" s="77"/>
      <c r="C159" s="473" t="s">
        <v>349</v>
      </c>
      <c r="D159" s="86"/>
      <c r="E159" s="208"/>
      <c r="F159" s="79"/>
      <c r="G159" s="101"/>
      <c r="H159" s="304"/>
      <c r="I159" s="366"/>
    </row>
    <row r="160" spans="1:9" s="95" customFormat="1" ht="9.75" customHeight="1">
      <c r="A160" s="338"/>
      <c r="B160" s="221"/>
      <c r="C160" s="221"/>
      <c r="D160" s="350"/>
      <c r="E160" s="231"/>
      <c r="F160" s="335"/>
      <c r="G160" s="336"/>
      <c r="H160" s="102"/>
      <c r="I160" s="139"/>
    </row>
    <row r="161" spans="1:14" s="95" customFormat="1" ht="9.75" customHeight="1">
      <c r="A161" s="294"/>
      <c r="B161" s="295"/>
      <c r="C161" s="295"/>
      <c r="D161" s="327"/>
      <c r="E161" s="296"/>
      <c r="F161" s="297"/>
      <c r="G161" s="336"/>
      <c r="H161" s="340"/>
      <c r="I161" s="367"/>
    </row>
    <row r="162" spans="1:14" s="94" customFormat="1" ht="9.9499999999999993" customHeight="1">
      <c r="A162" s="576"/>
      <c r="B162" s="577"/>
      <c r="C162" s="577"/>
      <c r="D162" s="577"/>
      <c r="E162" s="578"/>
      <c r="F162" s="579"/>
      <c r="G162" s="579"/>
      <c r="H162" s="580"/>
      <c r="I162" s="443"/>
    </row>
    <row r="163" spans="1:14" s="96" customFormat="1" ht="30" customHeight="1">
      <c r="A163" s="854"/>
      <c r="B163" s="852"/>
      <c r="C163" s="852"/>
      <c r="D163" s="852"/>
      <c r="E163" s="852"/>
      <c r="F163" s="852"/>
      <c r="G163" s="852"/>
      <c r="H163" s="853"/>
      <c r="I163" s="852"/>
      <c r="J163" s="850"/>
    </row>
    <row r="164" spans="1:14" s="95" customFormat="1" ht="9.9499999999999993" customHeight="1">
      <c r="A164" s="454"/>
      <c r="B164" s="774"/>
      <c r="C164" s="774"/>
      <c r="D164" s="828"/>
      <c r="E164" s="828"/>
      <c r="F164" s="835"/>
      <c r="G164" s="766"/>
      <c r="H164" s="766"/>
      <c r="I164" s="834"/>
      <c r="J164" s="284"/>
      <c r="K164" s="284"/>
      <c r="L164" s="284"/>
      <c r="M164" s="284"/>
      <c r="N164" s="284"/>
    </row>
    <row r="165" spans="1:14" s="95" customFormat="1" ht="9.9499999999999993" customHeight="1">
      <c r="A165" s="763"/>
      <c r="B165" s="774"/>
      <c r="C165" s="774"/>
      <c r="D165" s="828"/>
      <c r="E165" s="828"/>
      <c r="F165" s="835"/>
      <c r="G165" s="761"/>
      <c r="H165" s="761"/>
      <c r="I165" s="797"/>
      <c r="J165" s="284"/>
      <c r="K165" s="284"/>
      <c r="L165" s="284"/>
      <c r="M165" s="284"/>
      <c r="N165" s="284"/>
    </row>
    <row r="166" spans="1:14" s="94" customFormat="1" ht="9.9499999999999993" customHeight="1">
      <c r="A166" s="457"/>
      <c r="B166" s="756"/>
      <c r="C166" s="838"/>
      <c r="D166" s="838"/>
      <c r="E166" s="776"/>
      <c r="F166" s="835"/>
      <c r="G166" s="839"/>
      <c r="H166" s="839"/>
      <c r="I166" s="834"/>
      <c r="J166" s="286"/>
      <c r="K166" s="286"/>
      <c r="L166" s="286"/>
      <c r="M166" s="286"/>
      <c r="N166" s="286"/>
    </row>
    <row r="167" spans="1:14" s="95" customFormat="1" ht="9.9499999999999993" customHeight="1">
      <c r="A167" s="763"/>
      <c r="B167" s="790"/>
      <c r="C167" s="790"/>
      <c r="D167" s="772"/>
      <c r="E167" s="762"/>
      <c r="F167" s="835"/>
      <c r="G167" s="785"/>
      <c r="H167" s="564"/>
      <c r="I167" s="834"/>
      <c r="J167" s="284"/>
      <c r="K167" s="284"/>
      <c r="L167" s="284"/>
      <c r="M167" s="284"/>
      <c r="N167" s="284"/>
    </row>
    <row r="168" spans="1:14" s="95" customFormat="1" ht="9.9499999999999993" customHeight="1">
      <c r="A168" s="763"/>
      <c r="B168" s="790"/>
      <c r="C168" s="790"/>
      <c r="D168" s="790"/>
      <c r="E168" s="762"/>
      <c r="F168" s="835"/>
      <c r="G168" s="785"/>
      <c r="H168" s="841"/>
      <c r="I168" s="797"/>
      <c r="J168" s="284"/>
      <c r="K168" s="284"/>
      <c r="L168" s="284"/>
      <c r="M168" s="284"/>
      <c r="N168" s="284"/>
    </row>
    <row r="169" spans="1:14" s="94" customFormat="1" ht="9.9499999999999993" customHeight="1">
      <c r="A169" s="781"/>
      <c r="B169" s="772"/>
      <c r="C169" s="772"/>
      <c r="D169" s="772"/>
      <c r="E169" s="776"/>
      <c r="F169" s="848"/>
      <c r="G169" s="844"/>
      <c r="H169" s="770"/>
      <c r="I169" s="834"/>
      <c r="J169" s="286"/>
      <c r="K169" s="286"/>
      <c r="L169" s="286"/>
      <c r="M169" s="286"/>
      <c r="N169" s="286"/>
    </row>
    <row r="170" spans="1:14" s="95" customFormat="1" ht="9.9499999999999993" customHeight="1">
      <c r="A170" s="454"/>
      <c r="B170" s="756"/>
      <c r="C170" s="756"/>
      <c r="D170" s="830"/>
      <c r="E170" s="828"/>
      <c r="F170" s="835"/>
      <c r="G170" s="785"/>
      <c r="H170" s="564"/>
      <c r="I170" s="846"/>
      <c r="J170" s="284"/>
      <c r="K170" s="284"/>
      <c r="L170" s="543"/>
      <c r="M170" s="284"/>
      <c r="N170" s="284"/>
    </row>
    <row r="171" spans="1:14" s="95" customFormat="1" ht="9.9499999999999993" customHeight="1">
      <c r="A171" s="763"/>
      <c r="B171" s="756"/>
      <c r="C171" s="756"/>
      <c r="D171" s="831"/>
      <c r="E171" s="828"/>
      <c r="F171" s="835"/>
      <c r="G171" s="785"/>
      <c r="H171" s="841"/>
      <c r="I171" s="847"/>
      <c r="J171" s="284"/>
      <c r="K171" s="284"/>
      <c r="L171" s="543"/>
      <c r="M171" s="284"/>
      <c r="N171" s="284"/>
    </row>
    <row r="172" spans="1:14" s="94" customFormat="1" ht="9.9499999999999993" customHeight="1">
      <c r="A172" s="457"/>
      <c r="B172" s="767"/>
      <c r="C172" s="767"/>
      <c r="D172" s="767"/>
      <c r="E172" s="829"/>
      <c r="F172" s="848"/>
      <c r="G172" s="844"/>
      <c r="H172" s="770"/>
      <c r="I172" s="845"/>
      <c r="J172" s="286"/>
      <c r="K172" s="286"/>
      <c r="L172" s="544"/>
      <c r="M172" s="286"/>
      <c r="N172" s="286"/>
    </row>
    <row r="173" spans="1:14" s="95" customFormat="1" ht="9.9499999999999993" customHeight="1">
      <c r="A173" s="773"/>
      <c r="B173" s="773"/>
      <c r="C173" s="756"/>
      <c r="D173" s="830"/>
      <c r="E173" s="828"/>
      <c r="F173" s="835"/>
      <c r="G173" s="785"/>
      <c r="H173" s="564"/>
      <c r="I173" s="803"/>
      <c r="J173" s="284"/>
      <c r="K173" s="286"/>
      <c r="L173" s="543"/>
      <c r="M173" s="286"/>
      <c r="N173" s="284"/>
    </row>
    <row r="174" spans="1:14" s="95" customFormat="1" ht="9.9499999999999993" customHeight="1">
      <c r="A174" s="773"/>
      <c r="B174" s="773"/>
      <c r="C174" s="756"/>
      <c r="D174" s="831"/>
      <c r="E174" s="828"/>
      <c r="F174" s="835"/>
      <c r="G174" s="785"/>
      <c r="H174" s="841"/>
      <c r="I174" s="842"/>
      <c r="J174" s="284"/>
      <c r="K174" s="286"/>
      <c r="L174" s="543"/>
      <c r="M174" s="286"/>
      <c r="N174" s="284"/>
    </row>
    <row r="175" spans="1:14" s="94" customFormat="1" ht="9.9499999999999993" customHeight="1">
      <c r="A175" s="773"/>
      <c r="B175" s="836"/>
      <c r="C175" s="767"/>
      <c r="D175" s="767"/>
      <c r="E175" s="829"/>
      <c r="F175" s="848"/>
      <c r="G175" s="844"/>
      <c r="H175" s="770"/>
      <c r="I175" s="845"/>
      <c r="J175" s="286"/>
      <c r="K175" s="286"/>
      <c r="L175" s="544"/>
      <c r="M175" s="286"/>
      <c r="N175" s="286"/>
    </row>
    <row r="176" spans="1:14" s="95" customFormat="1" ht="9.9499999999999993" customHeight="1">
      <c r="A176" s="763"/>
      <c r="B176" s="756"/>
      <c r="C176" s="777"/>
      <c r="D176" s="777"/>
      <c r="E176" s="778"/>
      <c r="F176" s="779"/>
      <c r="G176" s="789"/>
      <c r="H176" s="564"/>
      <c r="I176" s="762"/>
      <c r="J176" s="284"/>
      <c r="K176" s="286"/>
      <c r="L176" s="543"/>
      <c r="M176" s="286"/>
      <c r="N176" s="284"/>
    </row>
    <row r="177" spans="1:14" s="95" customFormat="1" ht="9.9499999999999993" customHeight="1">
      <c r="A177" s="763"/>
      <c r="B177" s="756"/>
      <c r="C177" s="780"/>
      <c r="D177" s="777"/>
      <c r="E177" s="778"/>
      <c r="F177" s="779"/>
      <c r="G177" s="789"/>
      <c r="H177" s="564"/>
      <c r="I177" s="284"/>
      <c r="J177" s="284"/>
      <c r="K177" s="286"/>
      <c r="L177" s="543"/>
      <c r="M177" s="286"/>
      <c r="N177" s="284"/>
    </row>
    <row r="178" spans="1:14" s="94" customFormat="1" ht="9.9499999999999993" customHeight="1">
      <c r="A178" s="781"/>
      <c r="B178" s="756"/>
      <c r="C178" s="780"/>
      <c r="D178" s="782"/>
      <c r="E178" s="783"/>
      <c r="F178" s="784"/>
      <c r="G178" s="785"/>
      <c r="H178" s="786"/>
      <c r="I178" s="787"/>
      <c r="J178" s="286"/>
      <c r="K178" s="286"/>
      <c r="L178" s="544"/>
      <c r="M178" s="286"/>
      <c r="N178" s="286"/>
    </row>
    <row r="179" spans="1:14" s="95" customFormat="1" ht="9.9499999999999993" customHeight="1">
      <c r="A179" s="763"/>
      <c r="B179" s="790"/>
      <c r="C179" s="777"/>
      <c r="D179" s="777"/>
      <c r="E179" s="778"/>
      <c r="F179" s="694"/>
      <c r="G179" s="564"/>
      <c r="H179" s="564"/>
      <c r="I179" s="762"/>
      <c r="J179" s="284"/>
      <c r="K179" s="286"/>
      <c r="L179" s="543"/>
      <c r="M179" s="286"/>
      <c r="N179" s="284"/>
    </row>
    <row r="180" spans="1:14" s="95" customFormat="1" ht="9.9499999999999993" customHeight="1">
      <c r="A180" s="763"/>
      <c r="B180" s="790"/>
      <c r="C180" s="780"/>
      <c r="D180" s="777"/>
      <c r="E180" s="778"/>
      <c r="F180" s="694"/>
      <c r="G180" s="564"/>
      <c r="H180" s="564"/>
      <c r="I180" s="284"/>
      <c r="J180" s="284"/>
      <c r="K180" s="286"/>
      <c r="L180" s="543"/>
      <c r="M180" s="286"/>
      <c r="N180" s="284"/>
    </row>
    <row r="181" spans="1:14" s="94" customFormat="1" ht="9.9499999999999993" customHeight="1">
      <c r="A181" s="781"/>
      <c r="B181" s="772"/>
      <c r="C181" s="780"/>
      <c r="D181" s="782"/>
      <c r="E181" s="783"/>
      <c r="F181" s="791"/>
      <c r="G181" s="785"/>
      <c r="H181" s="786"/>
      <c r="I181" s="787"/>
      <c r="J181" s="286"/>
      <c r="K181" s="286"/>
      <c r="L181" s="544"/>
      <c r="M181" s="286"/>
      <c r="N181" s="286"/>
    </row>
    <row r="182" spans="1:14" s="95" customFormat="1" ht="9.9499999999999993" customHeight="1">
      <c r="A182" s="790"/>
      <c r="B182" s="790"/>
      <c r="C182" s="777"/>
      <c r="D182" s="777"/>
      <c r="E182" s="778"/>
      <c r="F182" s="792"/>
      <c r="G182" s="564"/>
      <c r="H182" s="564"/>
      <c r="I182" s="762"/>
      <c r="J182" s="284"/>
      <c r="K182" s="284"/>
      <c r="L182" s="543"/>
      <c r="M182" s="286"/>
      <c r="N182" s="284"/>
    </row>
    <row r="183" spans="1:14" s="95" customFormat="1" ht="9.9499999999999993" customHeight="1">
      <c r="A183" s="790"/>
      <c r="B183" s="790"/>
      <c r="C183" s="780"/>
      <c r="D183" s="777"/>
      <c r="E183" s="778"/>
      <c r="F183" s="793"/>
      <c r="G183" s="564"/>
      <c r="H183" s="564"/>
      <c r="I183" s="284"/>
      <c r="J183" s="284"/>
      <c r="K183" s="284"/>
      <c r="L183" s="543"/>
      <c r="M183" s="284"/>
      <c r="N183" s="284"/>
    </row>
    <row r="184" spans="1:14" s="94" customFormat="1" ht="9.9499999999999993" customHeight="1">
      <c r="A184" s="772"/>
      <c r="B184" s="772"/>
      <c r="C184" s="780"/>
      <c r="D184" s="782"/>
      <c r="E184" s="783"/>
      <c r="F184" s="793"/>
      <c r="G184" s="785"/>
      <c r="H184" s="786"/>
      <c r="I184" s="787"/>
      <c r="J184" s="286"/>
      <c r="K184" s="286"/>
      <c r="L184" s="544"/>
      <c r="M184" s="286"/>
      <c r="N184" s="286"/>
    </row>
    <row r="185" spans="1:14" s="95" customFormat="1" ht="9.9499999999999993" customHeight="1">
      <c r="A185" s="790"/>
      <c r="B185" s="790"/>
      <c r="C185" s="777"/>
      <c r="D185" s="777"/>
      <c r="E185" s="778"/>
      <c r="F185" s="792"/>
      <c r="G185" s="794"/>
      <c r="H185" s="564"/>
      <c r="I185" s="762"/>
      <c r="J185" s="284"/>
      <c r="K185" s="284"/>
      <c r="L185" s="284"/>
      <c r="M185" s="284"/>
      <c r="N185" s="284"/>
    </row>
    <row r="186" spans="1:14" s="95" customFormat="1" ht="9.9499999999999993" customHeight="1">
      <c r="A186" s="790"/>
      <c r="B186" s="790"/>
      <c r="C186" s="780"/>
      <c r="D186" s="777"/>
      <c r="E186" s="778"/>
      <c r="F186" s="793"/>
      <c r="G186" s="795"/>
      <c r="H186" s="564"/>
      <c r="I186" s="284"/>
      <c r="J186" s="284"/>
      <c r="K186" s="284"/>
      <c r="L186" s="284"/>
      <c r="M186" s="284"/>
      <c r="N186" s="284"/>
    </row>
    <row r="187" spans="1:14" s="94" customFormat="1" ht="9.9499999999999993" customHeight="1">
      <c r="A187" s="772"/>
      <c r="B187" s="772"/>
      <c r="C187" s="780"/>
      <c r="D187" s="782"/>
      <c r="E187" s="783"/>
      <c r="F187" s="793"/>
      <c r="G187" s="795"/>
      <c r="H187" s="786"/>
      <c r="I187" s="787"/>
      <c r="J187" s="286"/>
      <c r="K187" s="286"/>
      <c r="L187" s="286"/>
      <c r="M187" s="286"/>
      <c r="N187" s="286"/>
    </row>
    <row r="188" spans="1:14" s="95" customFormat="1" ht="9.9499999999999993" customHeight="1">
      <c r="A188" s="790"/>
      <c r="B188" s="790"/>
      <c r="C188" s="777"/>
      <c r="D188" s="777"/>
      <c r="E188" s="778"/>
      <c r="F188" s="792"/>
      <c r="G188" s="794"/>
      <c r="H188" s="564"/>
      <c r="I188" s="762"/>
      <c r="J188" s="284"/>
      <c r="K188" s="284"/>
      <c r="L188" s="284"/>
      <c r="M188" s="284"/>
      <c r="N188" s="284"/>
    </row>
    <row r="189" spans="1:14" s="95" customFormat="1" ht="9.9499999999999993" customHeight="1">
      <c r="A189" s="790"/>
      <c r="B189" s="790"/>
      <c r="C189" s="780"/>
      <c r="D189" s="777"/>
      <c r="E189" s="778"/>
      <c r="F189" s="793"/>
      <c r="G189" s="795"/>
      <c r="H189" s="564"/>
      <c r="I189" s="284"/>
      <c r="J189" s="284"/>
      <c r="K189" s="284"/>
      <c r="L189" s="284"/>
      <c r="M189" s="284"/>
      <c r="N189" s="284"/>
    </row>
    <row r="190" spans="1:14" s="94" customFormat="1" ht="9.9499999999999993" customHeight="1">
      <c r="A190" s="772"/>
      <c r="B190" s="790"/>
      <c r="C190" s="780"/>
      <c r="D190" s="782"/>
      <c r="E190" s="783"/>
      <c r="F190" s="793"/>
      <c r="G190" s="795"/>
      <c r="H190" s="786"/>
      <c r="I190" s="787"/>
      <c r="J190" s="286"/>
      <c r="K190" s="286"/>
      <c r="L190" s="286"/>
      <c r="M190" s="286"/>
      <c r="N190" s="286"/>
    </row>
    <row r="191" spans="1:14" s="95" customFormat="1" ht="9.9499999999999993" customHeight="1">
      <c r="A191" s="796"/>
      <c r="B191" s="796"/>
      <c r="C191" s="756"/>
      <c r="D191" s="756"/>
      <c r="E191" s="778"/>
      <c r="F191" s="792"/>
      <c r="G191" s="794"/>
      <c r="H191" s="564"/>
      <c r="I191" s="762"/>
      <c r="J191" s="284"/>
      <c r="K191" s="284"/>
      <c r="L191" s="284"/>
      <c r="M191" s="284"/>
      <c r="N191" s="284"/>
    </row>
    <row r="192" spans="1:14" s="95" customFormat="1" ht="9.9499999999999993" customHeight="1">
      <c r="A192" s="796"/>
      <c r="B192" s="796"/>
      <c r="C192" s="797"/>
      <c r="D192" s="798"/>
      <c r="E192" s="778"/>
      <c r="F192" s="793"/>
      <c r="G192" s="795"/>
      <c r="H192" s="564"/>
      <c r="I192" s="284"/>
      <c r="J192" s="284"/>
      <c r="K192" s="284"/>
      <c r="L192" s="284"/>
      <c r="M192" s="284"/>
      <c r="N192" s="284"/>
    </row>
    <row r="193" spans="1:14" s="94" customFormat="1" ht="9.9499999999999993" customHeight="1">
      <c r="A193" s="799"/>
      <c r="B193" s="799"/>
      <c r="C193" s="800"/>
      <c r="D193" s="801"/>
      <c r="E193" s="783"/>
      <c r="F193" s="793"/>
      <c r="G193" s="795"/>
      <c r="H193" s="786"/>
      <c r="I193" s="787"/>
      <c r="J193" s="286"/>
      <c r="K193" s="286"/>
      <c r="L193" s="286"/>
      <c r="M193" s="286"/>
      <c r="N193" s="286"/>
    </row>
    <row r="194" spans="1:14" s="95" customFormat="1" ht="9.9499999999999993" customHeight="1">
      <c r="A194" s="796"/>
      <c r="B194" s="796"/>
      <c r="C194" s="790"/>
      <c r="D194" s="772"/>
      <c r="E194" s="762"/>
      <c r="F194" s="694"/>
      <c r="G194" s="759"/>
      <c r="H194" s="802"/>
      <c r="I194" s="803"/>
      <c r="J194" s="284"/>
      <c r="K194" s="284"/>
      <c r="L194" s="284"/>
      <c r="M194" s="284"/>
      <c r="N194" s="284"/>
    </row>
    <row r="195" spans="1:14" s="95" customFormat="1" ht="9.9499999999999993" customHeight="1">
      <c r="A195" s="796"/>
      <c r="B195" s="796"/>
      <c r="C195" s="790"/>
      <c r="D195" s="790"/>
      <c r="E195" s="762"/>
      <c r="F195" s="694"/>
      <c r="G195" s="759"/>
      <c r="H195" s="804"/>
      <c r="I195" s="805"/>
      <c r="J195" s="284"/>
      <c r="K195" s="284"/>
      <c r="L195" s="284"/>
      <c r="M195" s="284"/>
      <c r="N195" s="284"/>
    </row>
    <row r="196" spans="1:14" s="94" customFormat="1" ht="9.9499999999999993" customHeight="1">
      <c r="A196" s="799"/>
      <c r="B196" s="799"/>
      <c r="C196" s="772"/>
      <c r="D196" s="772"/>
      <c r="E196" s="776"/>
      <c r="F196" s="791"/>
      <c r="G196" s="806"/>
      <c r="H196" s="807"/>
      <c r="I196" s="808"/>
      <c r="J196" s="286"/>
      <c r="K196" s="286"/>
      <c r="L196" s="286"/>
      <c r="M196" s="286"/>
      <c r="N196" s="286"/>
    </row>
    <row r="197" spans="1:14" s="95" customFormat="1" ht="9.9499999999999993" customHeight="1">
      <c r="A197" s="796"/>
      <c r="B197" s="796"/>
      <c r="C197" s="796"/>
      <c r="D197" s="805"/>
      <c r="E197" s="805"/>
      <c r="F197" s="809"/>
      <c r="G197" s="810"/>
      <c r="H197" s="811"/>
      <c r="I197" s="812"/>
      <c r="J197" s="284"/>
      <c r="K197" s="284"/>
      <c r="L197" s="284"/>
      <c r="M197" s="284"/>
      <c r="N197" s="284"/>
    </row>
    <row r="198" spans="1:14" s="95" customFormat="1" ht="9.9499999999999993" customHeight="1">
      <c r="A198" s="796"/>
      <c r="B198" s="796"/>
      <c r="C198" s="796"/>
      <c r="D198" s="805"/>
      <c r="E198" s="805"/>
      <c r="F198" s="809"/>
      <c r="G198" s="810"/>
      <c r="H198" s="813"/>
      <c r="I198" s="805"/>
      <c r="J198" s="284"/>
      <c r="K198" s="284"/>
      <c r="L198" s="284"/>
      <c r="M198" s="284"/>
      <c r="N198" s="284"/>
    </row>
    <row r="199" spans="1:14" s="94" customFormat="1" ht="9.9499999999999993" customHeight="1">
      <c r="A199" s="799"/>
      <c r="B199" s="799"/>
      <c r="C199" s="796"/>
      <c r="D199" s="799"/>
      <c r="E199" s="814"/>
      <c r="F199" s="815"/>
      <c r="G199" s="816"/>
      <c r="H199" s="817"/>
      <c r="I199" s="808"/>
      <c r="J199" s="286"/>
      <c r="K199" s="286"/>
      <c r="L199" s="286"/>
      <c r="M199" s="286"/>
      <c r="N199" s="286"/>
    </row>
    <row r="200" spans="1:14" s="95" customFormat="1" ht="9.9499999999999993" customHeight="1">
      <c r="A200" s="796"/>
      <c r="B200" s="796"/>
      <c r="C200" s="796"/>
      <c r="D200" s="796"/>
      <c r="E200" s="805"/>
      <c r="F200" s="809"/>
      <c r="G200" s="818"/>
      <c r="H200" s="818"/>
      <c r="I200" s="805"/>
      <c r="J200" s="284"/>
      <c r="K200" s="284"/>
      <c r="L200" s="284"/>
      <c r="M200" s="284"/>
      <c r="N200" s="284"/>
    </row>
    <row r="201" spans="1:14" s="95" customFormat="1" ht="9.9499999999999993" customHeight="1">
      <c r="A201" s="796"/>
      <c r="B201" s="796"/>
      <c r="C201" s="796"/>
      <c r="D201" s="796"/>
      <c r="E201" s="805"/>
      <c r="F201" s="809"/>
      <c r="G201" s="818"/>
      <c r="H201" s="818"/>
      <c r="I201" s="805"/>
      <c r="J201" s="284"/>
      <c r="K201" s="284"/>
      <c r="L201" s="284"/>
      <c r="M201" s="284"/>
      <c r="N201" s="284"/>
    </row>
    <row r="202" spans="1:14" s="94" customFormat="1" ht="9.9499999999999993" customHeight="1">
      <c r="A202" s="799"/>
      <c r="B202" s="799"/>
      <c r="C202" s="796"/>
      <c r="D202" s="799"/>
      <c r="E202" s="814"/>
      <c r="F202" s="819"/>
      <c r="G202" s="820"/>
      <c r="H202" s="821"/>
      <c r="I202" s="814"/>
      <c r="J202" s="286"/>
      <c r="K202" s="286"/>
      <c r="L202" s="286"/>
      <c r="M202" s="286"/>
      <c r="N202" s="286"/>
    </row>
    <row r="203" spans="1:14" s="91" customFormat="1" ht="30" customHeight="1">
      <c r="A203" s="965"/>
      <c r="B203" s="965"/>
      <c r="C203" s="965"/>
      <c r="D203" s="965"/>
      <c r="E203" s="965"/>
      <c r="F203" s="965"/>
      <c r="G203" s="965"/>
      <c r="H203" s="965"/>
      <c r="I203" s="965"/>
      <c r="J203" s="822"/>
      <c r="K203" s="822"/>
      <c r="L203" s="822"/>
      <c r="M203" s="822"/>
      <c r="N203" s="822"/>
    </row>
    <row r="204" spans="1:14" s="90" customFormat="1" ht="30" customHeight="1">
      <c r="A204" s="823"/>
      <c r="B204" s="823"/>
      <c r="C204" s="823"/>
      <c r="D204" s="823"/>
      <c r="E204" s="823"/>
      <c r="F204" s="823"/>
      <c r="G204" s="824"/>
      <c r="H204" s="825"/>
      <c r="I204" s="823"/>
      <c r="J204" s="826"/>
      <c r="K204" s="826"/>
      <c r="L204" s="826"/>
      <c r="M204" s="826"/>
      <c r="N204" s="826"/>
    </row>
    <row r="205" spans="1:14" s="95" customFormat="1" ht="9.9499999999999993" customHeight="1">
      <c r="A205" s="454"/>
      <c r="B205" s="756"/>
      <c r="C205" s="757"/>
      <c r="D205" s="758"/>
      <c r="E205" s="759"/>
      <c r="F205" s="759"/>
      <c r="G205" s="760"/>
      <c r="H205" s="761"/>
      <c r="I205" s="762"/>
      <c r="J205" s="284"/>
      <c r="K205" s="284"/>
      <c r="L205" s="284"/>
      <c r="M205" s="284"/>
      <c r="N205" s="284"/>
    </row>
    <row r="206" spans="1:14" s="95" customFormat="1" ht="9.9499999999999993" customHeight="1">
      <c r="A206" s="763"/>
      <c r="B206" s="756"/>
      <c r="C206" s="764"/>
      <c r="D206" s="758"/>
      <c r="E206" s="759"/>
      <c r="F206" s="759"/>
      <c r="G206" s="765"/>
      <c r="H206" s="766"/>
      <c r="I206" s="762"/>
      <c r="J206" s="284"/>
      <c r="K206" s="284"/>
      <c r="L206" s="284"/>
      <c r="M206" s="284"/>
      <c r="N206" s="284"/>
    </row>
    <row r="207" spans="1:14" s="94" customFormat="1" ht="9.9499999999999993" customHeight="1">
      <c r="A207" s="457"/>
      <c r="B207" s="767"/>
      <c r="C207" s="764"/>
      <c r="D207" s="768"/>
      <c r="E207" s="769"/>
      <c r="F207" s="769"/>
      <c r="G207" s="770"/>
      <c r="H207" s="771"/>
      <c r="I207" s="772"/>
      <c r="J207" s="286"/>
      <c r="K207" s="286"/>
      <c r="L207" s="286"/>
      <c r="M207" s="286"/>
      <c r="N207" s="286"/>
    </row>
    <row r="208" spans="1:14" s="95" customFormat="1" ht="9.9499999999999993" customHeight="1">
      <c r="A208" s="763"/>
      <c r="B208" s="774"/>
      <c r="C208" s="454"/>
      <c r="D208" s="454"/>
      <c r="E208" s="454"/>
      <c r="F208" s="454"/>
      <c r="G208" s="454"/>
      <c r="H208" s="454"/>
      <c r="I208" s="762"/>
      <c r="J208" s="284"/>
      <c r="K208" s="284"/>
      <c r="L208" s="284"/>
      <c r="M208" s="284"/>
      <c r="N208" s="284"/>
    </row>
    <row r="209" spans="1:14" s="95" customFormat="1" ht="9.9499999999999993" customHeight="1">
      <c r="A209" s="763"/>
      <c r="B209" s="774"/>
      <c r="C209" s="454"/>
      <c r="D209" s="454"/>
      <c r="E209" s="454"/>
      <c r="F209" s="454"/>
      <c r="G209" s="454"/>
      <c r="H209" s="454"/>
      <c r="I209" s="762"/>
      <c r="J209" s="284"/>
      <c r="K209" s="284"/>
      <c r="L209" s="284"/>
      <c r="M209" s="284"/>
      <c r="N209" s="284"/>
    </row>
    <row r="210" spans="1:14" s="94" customFormat="1" ht="9.9499999999999993" customHeight="1">
      <c r="A210" s="781"/>
      <c r="B210" s="775"/>
      <c r="C210" s="457"/>
      <c r="D210" s="457"/>
      <c r="E210" s="457"/>
      <c r="F210" s="457"/>
      <c r="G210" s="457"/>
      <c r="H210" s="457"/>
      <c r="I210" s="776"/>
      <c r="J210" s="286"/>
      <c r="K210" s="286"/>
      <c r="L210" s="286"/>
      <c r="M210" s="286"/>
      <c r="N210" s="286"/>
    </row>
    <row r="211" spans="1:14" s="95" customFormat="1" ht="9.9499999999999993" customHeight="1">
      <c r="A211" s="763"/>
      <c r="B211" s="774"/>
      <c r="C211" s="756"/>
      <c r="D211" s="827"/>
      <c r="E211" s="828"/>
      <c r="F211" s="779"/>
      <c r="G211" s="564"/>
      <c r="H211" s="564"/>
      <c r="I211" s="762"/>
      <c r="J211" s="284"/>
      <c r="K211" s="284"/>
      <c r="L211" s="284"/>
      <c r="M211" s="284"/>
      <c r="N211" s="284"/>
    </row>
    <row r="212" spans="1:14" s="95" customFormat="1" ht="9.9499999999999993" customHeight="1">
      <c r="A212" s="763"/>
      <c r="B212" s="774"/>
      <c r="C212" s="756"/>
      <c r="D212" s="827"/>
      <c r="E212" s="828"/>
      <c r="F212" s="779"/>
      <c r="G212" s="564"/>
      <c r="H212" s="564"/>
      <c r="I212" s="284"/>
      <c r="J212" s="284"/>
      <c r="K212" s="284"/>
      <c r="L212" s="284"/>
      <c r="M212" s="284"/>
      <c r="N212" s="284"/>
    </row>
    <row r="213" spans="1:14" s="94" customFormat="1" ht="9.9499999999999993" customHeight="1">
      <c r="A213" s="781"/>
      <c r="B213" s="775"/>
      <c r="C213" s="767"/>
      <c r="D213" s="767"/>
      <c r="E213" s="829"/>
      <c r="F213" s="784"/>
      <c r="G213" s="785"/>
      <c r="H213" s="786"/>
      <c r="I213" s="787"/>
      <c r="J213" s="286"/>
      <c r="K213" s="286"/>
      <c r="L213" s="286"/>
      <c r="M213" s="286"/>
      <c r="N213" s="286"/>
    </row>
    <row r="214" spans="1:14" s="95" customFormat="1" ht="9.9499999999999993" customHeight="1">
      <c r="A214" s="763"/>
      <c r="B214" s="756"/>
      <c r="C214" s="756"/>
      <c r="D214" s="827"/>
      <c r="E214" s="828"/>
      <c r="F214" s="779"/>
      <c r="G214" s="564"/>
      <c r="H214" s="564"/>
      <c r="I214" s="762"/>
      <c r="J214" s="284"/>
      <c r="K214" s="284"/>
      <c r="L214" s="284"/>
      <c r="M214" s="284"/>
      <c r="N214" s="284"/>
    </row>
    <row r="215" spans="1:14" s="95" customFormat="1" ht="9.9499999999999993" customHeight="1">
      <c r="A215" s="763"/>
      <c r="B215" s="756"/>
      <c r="C215" s="756"/>
      <c r="D215" s="827"/>
      <c r="E215" s="828"/>
      <c r="F215" s="779"/>
      <c r="G215" s="564"/>
      <c r="H215" s="564"/>
      <c r="I215" s="284"/>
      <c r="J215" s="284"/>
      <c r="K215" s="284"/>
      <c r="L215" s="284"/>
      <c r="M215" s="284"/>
      <c r="N215" s="284"/>
    </row>
    <row r="216" spans="1:14" s="94" customFormat="1" ht="9.9499999999999993" customHeight="1">
      <c r="A216" s="788"/>
      <c r="B216" s="756"/>
      <c r="C216" s="767"/>
      <c r="D216" s="767"/>
      <c r="E216" s="829"/>
      <c r="F216" s="784"/>
      <c r="G216" s="785"/>
      <c r="H216" s="786"/>
      <c r="I216" s="787"/>
      <c r="J216" s="286"/>
      <c r="K216" s="286"/>
      <c r="L216" s="286"/>
      <c r="M216" s="286"/>
      <c r="N216" s="286"/>
    </row>
    <row r="217" spans="1:14" s="95" customFormat="1" ht="9.9499999999999993" customHeight="1">
      <c r="A217" s="763"/>
      <c r="B217" s="756"/>
      <c r="C217" s="756"/>
      <c r="D217" s="830"/>
      <c r="E217" s="828"/>
      <c r="F217" s="779"/>
      <c r="G217" s="789"/>
      <c r="H217" s="564"/>
      <c r="I217" s="762"/>
      <c r="J217" s="284"/>
      <c r="K217" s="284"/>
      <c r="L217" s="284"/>
      <c r="M217" s="284"/>
      <c r="N217" s="284"/>
    </row>
    <row r="218" spans="1:14" s="95" customFormat="1" ht="9.9499999999999993" customHeight="1">
      <c r="A218" s="763"/>
      <c r="B218" s="756"/>
      <c r="C218" s="756"/>
      <c r="D218" s="831"/>
      <c r="E218" s="828"/>
      <c r="F218" s="779"/>
      <c r="G218" s="789"/>
      <c r="H218" s="564"/>
      <c r="I218" s="284"/>
      <c r="J218" s="284"/>
      <c r="K218" s="284"/>
      <c r="L218" s="284"/>
      <c r="M218" s="284"/>
      <c r="N218" s="284"/>
    </row>
    <row r="219" spans="1:14" s="94" customFormat="1" ht="9.9499999999999993" customHeight="1">
      <c r="A219" s="781"/>
      <c r="B219" s="756"/>
      <c r="C219" s="832"/>
      <c r="D219" s="833"/>
      <c r="E219" s="829"/>
      <c r="F219" s="784"/>
      <c r="G219" s="785"/>
      <c r="H219" s="786"/>
      <c r="I219" s="787"/>
      <c r="J219" s="286"/>
      <c r="K219" s="286"/>
      <c r="L219" s="286"/>
      <c r="M219" s="286"/>
      <c r="N219" s="286"/>
    </row>
    <row r="220" spans="1:14" s="95" customFormat="1" ht="9.9499999999999993" customHeight="1">
      <c r="A220" s="763"/>
      <c r="B220" s="790"/>
      <c r="C220" s="790"/>
      <c r="D220" s="772"/>
      <c r="E220" s="762"/>
      <c r="F220" s="694"/>
      <c r="G220" s="759"/>
      <c r="H220" s="802"/>
      <c r="I220" s="762"/>
      <c r="J220" s="284"/>
      <c r="K220" s="284"/>
      <c r="L220" s="284"/>
      <c r="M220" s="284"/>
      <c r="N220" s="284"/>
    </row>
    <row r="221" spans="1:14" s="95" customFormat="1" ht="9.9499999999999993" customHeight="1">
      <c r="A221" s="763"/>
      <c r="B221" s="790"/>
      <c r="C221" s="790"/>
      <c r="D221" s="790"/>
      <c r="E221" s="762"/>
      <c r="F221" s="694"/>
      <c r="G221" s="759"/>
      <c r="H221" s="804"/>
      <c r="I221" s="284"/>
      <c r="J221" s="284"/>
      <c r="K221" s="284"/>
      <c r="L221" s="284"/>
      <c r="M221" s="284"/>
      <c r="N221" s="284"/>
    </row>
    <row r="222" spans="1:14" s="94" customFormat="1" ht="9.9499999999999993" customHeight="1">
      <c r="A222" s="781"/>
      <c r="B222" s="772"/>
      <c r="C222" s="772"/>
      <c r="D222" s="772"/>
      <c r="E222" s="776"/>
      <c r="F222" s="791"/>
      <c r="G222" s="806"/>
      <c r="H222" s="807"/>
      <c r="I222" s="787"/>
      <c r="J222" s="286"/>
      <c r="K222" s="286"/>
      <c r="L222" s="286"/>
      <c r="M222" s="286"/>
      <c r="N222" s="286"/>
    </row>
    <row r="223" spans="1:14" s="95" customFormat="1" ht="9.9499999999999993" customHeight="1">
      <c r="A223" s="454"/>
      <c r="B223" s="756"/>
      <c r="C223" s="756"/>
      <c r="D223" s="830"/>
      <c r="E223" s="828"/>
      <c r="F223" s="840"/>
      <c r="G223" s="785"/>
      <c r="H223" s="564"/>
      <c r="I223" s="834"/>
      <c r="J223" s="284"/>
      <c r="K223" s="284"/>
      <c r="L223" s="284"/>
      <c r="M223" s="284"/>
      <c r="N223" s="284"/>
    </row>
    <row r="224" spans="1:14" s="95" customFormat="1" ht="9.9499999999999993" customHeight="1">
      <c r="A224" s="763"/>
      <c r="B224" s="756"/>
      <c r="C224" s="756"/>
      <c r="D224" s="831"/>
      <c r="E224" s="828"/>
      <c r="F224" s="779"/>
      <c r="G224" s="785"/>
      <c r="H224" s="841"/>
      <c r="I224" s="797"/>
      <c r="J224" s="284"/>
      <c r="K224" s="284"/>
      <c r="L224" s="284"/>
      <c r="M224" s="284"/>
      <c r="N224" s="284"/>
    </row>
    <row r="225" spans="1:14" s="94" customFormat="1" ht="9.9499999999999993" customHeight="1">
      <c r="A225" s="457"/>
      <c r="B225" s="767"/>
      <c r="C225" s="767"/>
      <c r="D225" s="767"/>
      <c r="E225" s="829"/>
      <c r="F225" s="785"/>
      <c r="G225" s="785"/>
      <c r="H225" s="786"/>
      <c r="I225" s="834"/>
      <c r="J225" s="286"/>
      <c r="K225" s="286"/>
      <c r="L225" s="286"/>
      <c r="M225" s="286"/>
      <c r="N225" s="286"/>
    </row>
    <row r="226" spans="1:14" s="95" customFormat="1" ht="9.9499999999999993" customHeight="1">
      <c r="A226" s="773"/>
      <c r="B226" s="773"/>
      <c r="C226" s="757"/>
      <c r="D226" s="758"/>
      <c r="E226" s="758"/>
      <c r="F226" s="835"/>
      <c r="G226" s="766"/>
      <c r="H226" s="766"/>
      <c r="I226" s="834"/>
      <c r="J226" s="284"/>
      <c r="K226" s="284"/>
      <c r="L226" s="284"/>
      <c r="M226" s="284"/>
      <c r="N226" s="284"/>
    </row>
    <row r="227" spans="1:14" s="95" customFormat="1" ht="9.9499999999999993" customHeight="1">
      <c r="A227" s="773"/>
      <c r="B227" s="773"/>
      <c r="C227" s="764"/>
      <c r="D227" s="758"/>
      <c r="E227" s="758"/>
      <c r="F227" s="835"/>
      <c r="G227" s="761"/>
      <c r="H227" s="761"/>
      <c r="I227" s="797"/>
      <c r="J227" s="284"/>
      <c r="K227" s="284"/>
      <c r="L227" s="284"/>
      <c r="M227" s="284"/>
      <c r="N227" s="284"/>
    </row>
    <row r="228" spans="1:14" s="94" customFormat="1" ht="9.9499999999999993" customHeight="1">
      <c r="A228" s="773"/>
      <c r="B228" s="836"/>
      <c r="C228" s="837"/>
      <c r="D228" s="768"/>
      <c r="E228" s="768"/>
      <c r="F228" s="835"/>
      <c r="G228" s="786"/>
      <c r="H228" s="786"/>
      <c r="I228" s="834"/>
      <c r="J228" s="286"/>
      <c r="K228" s="286"/>
      <c r="L228" s="286"/>
      <c r="M228" s="286"/>
      <c r="N228" s="286"/>
    </row>
    <row r="229" spans="1:14" s="95" customFormat="1" ht="9.9499999999999993" customHeight="1">
      <c r="A229" s="454"/>
      <c r="B229" s="756"/>
      <c r="C229" s="774"/>
      <c r="D229" s="828"/>
      <c r="E229" s="828"/>
      <c r="F229" s="835"/>
      <c r="G229" s="766"/>
      <c r="H229" s="766"/>
      <c r="I229" s="834"/>
      <c r="J229" s="284"/>
      <c r="K229" s="284"/>
      <c r="L229" s="284"/>
      <c r="M229" s="284"/>
      <c r="N229" s="284"/>
    </row>
    <row r="230" spans="1:14" s="95" customFormat="1" ht="9.9499999999999993" customHeight="1">
      <c r="A230" s="763"/>
      <c r="B230" s="756"/>
      <c r="C230" s="774"/>
      <c r="D230" s="828"/>
      <c r="E230" s="828"/>
      <c r="F230" s="835"/>
      <c r="G230" s="761"/>
      <c r="H230" s="761"/>
      <c r="I230" s="797"/>
      <c r="J230" s="284"/>
      <c r="K230" s="284"/>
      <c r="L230" s="284"/>
      <c r="M230" s="284"/>
      <c r="N230" s="284"/>
    </row>
    <row r="231" spans="1:14" s="94" customFormat="1" ht="9.9499999999999993" customHeight="1">
      <c r="A231" s="457"/>
      <c r="B231" s="772"/>
      <c r="C231" s="838"/>
      <c r="D231" s="838"/>
      <c r="E231" s="776"/>
      <c r="F231" s="835"/>
      <c r="G231" s="839"/>
      <c r="H231" s="839"/>
      <c r="I231" s="834"/>
      <c r="J231" s="286"/>
      <c r="K231" s="286"/>
      <c r="L231" s="286"/>
      <c r="M231" s="286"/>
      <c r="N231" s="286"/>
    </row>
    <row r="232" spans="1:14" s="95" customFormat="1" ht="9.9499999999999993" customHeight="1">
      <c r="A232" s="763"/>
      <c r="B232" s="790"/>
      <c r="C232" s="790"/>
      <c r="D232" s="772"/>
      <c r="E232" s="762"/>
      <c r="F232" s="835"/>
      <c r="G232" s="766"/>
      <c r="H232" s="564"/>
      <c r="I232" s="834"/>
      <c r="J232" s="284"/>
      <c r="K232" s="284"/>
      <c r="L232" s="784"/>
      <c r="M232" s="284"/>
      <c r="N232" s="284"/>
    </row>
    <row r="233" spans="1:14" s="95" customFormat="1" ht="9.9499999999999993" customHeight="1">
      <c r="A233" s="763"/>
      <c r="B233" s="790"/>
      <c r="C233" s="790"/>
      <c r="D233" s="790"/>
      <c r="E233" s="762"/>
      <c r="F233" s="835"/>
      <c r="G233" s="761"/>
      <c r="H233" s="841"/>
      <c r="I233" s="797"/>
      <c r="J233" s="284"/>
      <c r="K233" s="284"/>
      <c r="L233" s="284"/>
      <c r="M233" s="284"/>
      <c r="N233" s="284"/>
    </row>
    <row r="234" spans="1:14" s="94" customFormat="1" ht="9.9499999999999993" customHeight="1">
      <c r="A234" s="781"/>
      <c r="B234" s="772"/>
      <c r="C234" s="772"/>
      <c r="D234" s="772"/>
      <c r="E234" s="776"/>
      <c r="F234" s="848"/>
      <c r="G234" s="562"/>
      <c r="H234" s="770"/>
      <c r="I234" s="834"/>
      <c r="J234" s="286"/>
      <c r="K234" s="286"/>
      <c r="L234" s="286"/>
      <c r="M234" s="286"/>
      <c r="N234" s="286"/>
    </row>
    <row r="235" spans="1:14" s="95" customFormat="1" ht="9.9499999999999993" customHeight="1">
      <c r="A235" s="454"/>
      <c r="B235" s="756"/>
      <c r="C235" s="756"/>
      <c r="D235" s="830"/>
      <c r="E235" s="828"/>
      <c r="F235" s="835"/>
      <c r="G235" s="785"/>
      <c r="H235" s="564"/>
      <c r="I235" s="846"/>
      <c r="J235" s="284"/>
      <c r="K235" s="284"/>
      <c r="L235" s="284"/>
      <c r="M235" s="284"/>
      <c r="N235" s="284"/>
    </row>
    <row r="236" spans="1:14" s="95" customFormat="1" ht="9.9499999999999993" customHeight="1">
      <c r="A236" s="763"/>
      <c r="B236" s="756"/>
      <c r="C236" s="756"/>
      <c r="D236" s="831"/>
      <c r="E236" s="828"/>
      <c r="F236" s="835"/>
      <c r="G236" s="785"/>
      <c r="H236" s="841"/>
      <c r="I236" s="847"/>
      <c r="J236" s="284"/>
      <c r="K236" s="284"/>
      <c r="L236" s="284"/>
      <c r="M236" s="284"/>
      <c r="N236" s="284"/>
    </row>
    <row r="237" spans="1:14" s="94" customFormat="1" ht="9.9499999999999993" customHeight="1">
      <c r="A237" s="457"/>
      <c r="B237" s="767"/>
      <c r="C237" s="767"/>
      <c r="D237" s="767"/>
      <c r="E237" s="829"/>
      <c r="F237" s="848"/>
      <c r="G237" s="844"/>
      <c r="H237" s="770"/>
      <c r="I237" s="845"/>
      <c r="J237" s="286"/>
      <c r="K237" s="286"/>
      <c r="L237" s="286"/>
      <c r="M237" s="286"/>
      <c r="N237" s="286"/>
    </row>
    <row r="238" spans="1:14" s="95" customFormat="1" ht="9.9499999999999993" customHeight="1">
      <c r="A238" s="773"/>
      <c r="B238" s="773"/>
      <c r="C238" s="756"/>
      <c r="D238" s="830"/>
      <c r="E238" s="828"/>
      <c r="F238" s="840"/>
      <c r="G238" s="785"/>
      <c r="H238" s="564"/>
      <c r="I238" s="803"/>
      <c r="J238" s="284"/>
      <c r="K238" s="284"/>
      <c r="L238" s="284"/>
      <c r="M238" s="284"/>
      <c r="N238" s="284"/>
    </row>
    <row r="239" spans="1:14" s="95" customFormat="1" ht="9.9499999999999993" customHeight="1">
      <c r="A239" s="773"/>
      <c r="B239" s="773"/>
      <c r="C239" s="756"/>
      <c r="D239" s="831"/>
      <c r="E239" s="828"/>
      <c r="F239" s="779"/>
      <c r="G239" s="785"/>
      <c r="H239" s="841"/>
      <c r="I239" s="842"/>
      <c r="J239" s="284"/>
      <c r="K239" s="284"/>
      <c r="L239" s="284"/>
      <c r="M239" s="284"/>
      <c r="N239" s="284"/>
    </row>
    <row r="240" spans="1:14" s="94" customFormat="1" ht="9.9499999999999993" customHeight="1">
      <c r="A240" s="773"/>
      <c r="B240" s="836"/>
      <c r="C240" s="767"/>
      <c r="D240" s="767"/>
      <c r="E240" s="829"/>
      <c r="F240" s="843"/>
      <c r="G240" s="844"/>
      <c r="H240" s="770"/>
      <c r="I240" s="845"/>
      <c r="J240" s="286"/>
      <c r="K240" s="286"/>
      <c r="L240" s="286"/>
      <c r="M240" s="286"/>
      <c r="N240" s="286"/>
    </row>
    <row r="241" spans="1:14" s="95" customFormat="1" ht="9.75" customHeight="1">
      <c r="A241" s="763"/>
      <c r="B241" s="790"/>
      <c r="C241" s="790"/>
      <c r="D241" s="772"/>
      <c r="E241" s="762"/>
      <c r="F241" s="694"/>
      <c r="G241" s="759"/>
      <c r="H241" s="802"/>
      <c r="I241" s="803"/>
      <c r="J241" s="284"/>
      <c r="K241" s="284"/>
      <c r="L241" s="284"/>
      <c r="M241" s="284"/>
      <c r="N241" s="284"/>
    </row>
    <row r="242" spans="1:14" s="95" customFormat="1" ht="9.75" customHeight="1">
      <c r="A242" s="763"/>
      <c r="B242" s="790"/>
      <c r="C242" s="790"/>
      <c r="D242" s="790"/>
      <c r="E242" s="762"/>
      <c r="F242" s="694"/>
      <c r="G242" s="759"/>
      <c r="H242" s="804"/>
      <c r="I242" s="842"/>
      <c r="J242" s="284"/>
      <c r="K242" s="284"/>
      <c r="L242" s="284"/>
      <c r="M242" s="284"/>
      <c r="N242" s="284"/>
    </row>
    <row r="243" spans="1:14" s="94" customFormat="1" ht="9.9499999999999993" customHeight="1">
      <c r="A243" s="788"/>
      <c r="B243" s="772"/>
      <c r="C243" s="772"/>
      <c r="D243" s="772"/>
      <c r="E243" s="776"/>
      <c r="F243" s="791"/>
      <c r="G243" s="806"/>
      <c r="H243" s="807"/>
      <c r="I243" s="845"/>
      <c r="J243" s="286"/>
      <c r="K243" s="286"/>
      <c r="L243" s="286"/>
      <c r="M243" s="286"/>
      <c r="N243" s="286"/>
    </row>
    <row r="244" spans="1:14">
      <c r="A244" s="851"/>
      <c r="B244" s="851"/>
      <c r="C244" s="851"/>
      <c r="D244" s="851"/>
      <c r="E244" s="851"/>
      <c r="F244" s="851"/>
      <c r="G244" s="851"/>
      <c r="H244" s="851"/>
      <c r="I244" s="851"/>
      <c r="J244" s="851"/>
      <c r="K244" s="851"/>
      <c r="L244" s="851"/>
      <c r="M244" s="851"/>
      <c r="N244" s="851"/>
    </row>
    <row r="245" spans="1:14">
      <c r="A245" s="851"/>
      <c r="B245" s="851"/>
      <c r="C245" s="851"/>
      <c r="D245" s="851"/>
      <c r="E245" s="851"/>
      <c r="F245" s="851"/>
      <c r="G245" s="851"/>
      <c r="H245" s="851"/>
      <c r="I245" s="851"/>
      <c r="J245" s="851"/>
      <c r="K245" s="851"/>
      <c r="L245" s="851"/>
      <c r="M245" s="851"/>
      <c r="N245" s="851"/>
    </row>
    <row r="246" spans="1:14">
      <c r="A246" s="851"/>
      <c r="B246" s="851"/>
      <c r="C246" s="851"/>
      <c r="D246" s="851"/>
      <c r="E246" s="851"/>
      <c r="F246" s="851"/>
      <c r="G246" s="851"/>
      <c r="H246" s="851"/>
      <c r="I246" s="851"/>
      <c r="J246" s="851"/>
      <c r="K246" s="851"/>
      <c r="L246" s="851"/>
      <c r="M246" s="851"/>
      <c r="N246" s="851"/>
    </row>
    <row r="247" spans="1:14">
      <c r="A247" s="851"/>
      <c r="B247" s="851"/>
      <c r="C247" s="851"/>
      <c r="D247" s="851"/>
      <c r="E247" s="851"/>
      <c r="F247" s="851"/>
      <c r="G247" s="851"/>
      <c r="H247" s="851"/>
      <c r="I247" s="851"/>
      <c r="J247" s="851"/>
      <c r="K247" s="851"/>
      <c r="L247" s="851"/>
      <c r="M247" s="851"/>
      <c r="N247" s="851"/>
    </row>
    <row r="248" spans="1:14">
      <c r="A248" s="851"/>
      <c r="B248" s="851"/>
      <c r="C248" s="851"/>
      <c r="D248" s="851"/>
      <c r="E248" s="851"/>
      <c r="F248" s="851"/>
      <c r="G248" s="851"/>
      <c r="H248" s="851"/>
      <c r="I248" s="851"/>
      <c r="J248" s="851"/>
      <c r="K248" s="851"/>
      <c r="L248" s="851"/>
      <c r="M248" s="851"/>
      <c r="N248" s="851"/>
    </row>
    <row r="249" spans="1:14">
      <c r="A249" s="851"/>
      <c r="B249" s="851"/>
      <c r="C249" s="851"/>
      <c r="D249" s="851"/>
      <c r="E249" s="851"/>
      <c r="F249" s="851"/>
      <c r="G249" s="851"/>
      <c r="H249" s="851"/>
      <c r="I249" s="851"/>
      <c r="J249" s="851"/>
      <c r="K249" s="851"/>
      <c r="L249" s="851"/>
      <c r="M249" s="851"/>
      <c r="N249" s="851"/>
    </row>
    <row r="250" spans="1:14">
      <c r="A250" s="851"/>
      <c r="B250" s="851"/>
      <c r="C250" s="851"/>
      <c r="D250" s="851"/>
      <c r="E250" s="851"/>
      <c r="F250" s="851"/>
      <c r="G250" s="851"/>
      <c r="H250" s="851"/>
      <c r="I250" s="851"/>
      <c r="J250" s="851"/>
      <c r="K250" s="851"/>
      <c r="L250" s="851"/>
      <c r="M250" s="851"/>
      <c r="N250" s="851"/>
    </row>
    <row r="251" spans="1:14">
      <c r="A251" s="851"/>
      <c r="B251" s="851"/>
      <c r="C251" s="851"/>
      <c r="D251" s="851"/>
      <c r="E251" s="851"/>
      <c r="F251" s="851"/>
      <c r="G251" s="851"/>
      <c r="H251" s="851"/>
      <c r="I251" s="851"/>
      <c r="J251" s="851"/>
      <c r="K251" s="851"/>
      <c r="L251" s="851"/>
      <c r="M251" s="851"/>
      <c r="N251" s="851"/>
    </row>
    <row r="252" spans="1:14">
      <c r="A252" s="851"/>
      <c r="B252" s="851"/>
      <c r="C252" s="851"/>
      <c r="D252" s="851"/>
      <c r="E252" s="851"/>
      <c r="F252" s="851"/>
      <c r="G252" s="851"/>
      <c r="H252" s="851"/>
      <c r="I252" s="851"/>
      <c r="J252" s="851"/>
      <c r="K252" s="851"/>
      <c r="L252" s="851"/>
      <c r="M252" s="851"/>
      <c r="N252" s="851"/>
    </row>
    <row r="253" spans="1:14">
      <c r="A253" s="851"/>
      <c r="B253" s="851"/>
      <c r="C253" s="851"/>
      <c r="D253" s="851"/>
      <c r="E253" s="851"/>
      <c r="F253" s="851"/>
      <c r="G253" s="851"/>
      <c r="H253" s="851"/>
      <c r="I253" s="851"/>
      <c r="J253" s="851"/>
      <c r="K253" s="851"/>
      <c r="L253" s="851"/>
      <c r="M253" s="851"/>
      <c r="N253" s="851"/>
    </row>
    <row r="254" spans="1:14">
      <c r="A254" s="851"/>
      <c r="B254" s="851"/>
      <c r="C254" s="851"/>
      <c r="D254" s="851"/>
      <c r="E254" s="851"/>
      <c r="F254" s="851"/>
      <c r="G254" s="851"/>
      <c r="H254" s="851"/>
      <c r="I254" s="851"/>
      <c r="J254" s="851"/>
      <c r="K254" s="851"/>
      <c r="L254" s="851"/>
      <c r="M254" s="851"/>
      <c r="N254" s="851"/>
    </row>
    <row r="255" spans="1:14">
      <c r="A255" s="851"/>
      <c r="B255" s="851"/>
      <c r="C255" s="851"/>
      <c r="D255" s="851"/>
      <c r="E255" s="851"/>
      <c r="F255" s="851"/>
      <c r="G255" s="851"/>
      <c r="H255" s="851"/>
      <c r="I255" s="851"/>
      <c r="J255" s="851"/>
      <c r="K255" s="851"/>
      <c r="L255" s="851"/>
      <c r="M255" s="851"/>
      <c r="N255" s="851"/>
    </row>
    <row r="256" spans="1:14">
      <c r="A256" s="851"/>
      <c r="B256" s="851"/>
      <c r="C256" s="851"/>
      <c r="D256" s="851"/>
      <c r="E256" s="851"/>
      <c r="F256" s="851"/>
      <c r="G256" s="851"/>
      <c r="H256" s="851"/>
      <c r="I256" s="851"/>
      <c r="J256" s="851"/>
      <c r="K256" s="851"/>
      <c r="L256" s="851"/>
      <c r="M256" s="851"/>
      <c r="N256" s="851"/>
    </row>
    <row r="257" spans="1:14">
      <c r="A257" s="851"/>
      <c r="B257" s="851"/>
      <c r="C257" s="851"/>
      <c r="D257" s="851"/>
      <c r="E257" s="851"/>
      <c r="F257" s="851"/>
      <c r="G257" s="851"/>
      <c r="H257" s="851"/>
      <c r="I257" s="851"/>
      <c r="J257" s="851"/>
      <c r="K257" s="851"/>
      <c r="L257" s="851"/>
      <c r="M257" s="851"/>
      <c r="N257" s="851"/>
    </row>
    <row r="258" spans="1:14">
      <c r="A258" s="851"/>
      <c r="B258" s="851"/>
      <c r="C258" s="851"/>
      <c r="D258" s="851"/>
      <c r="E258" s="851"/>
      <c r="F258" s="851"/>
      <c r="G258" s="851"/>
      <c r="H258" s="851"/>
      <c r="I258" s="851"/>
      <c r="J258" s="851"/>
      <c r="K258" s="851"/>
      <c r="L258" s="851"/>
      <c r="M258" s="851"/>
      <c r="N258" s="851"/>
    </row>
    <row r="259" spans="1:14">
      <c r="A259" s="851"/>
      <c r="B259" s="851"/>
      <c r="C259" s="851"/>
      <c r="D259" s="851"/>
      <c r="E259" s="851"/>
      <c r="F259" s="851"/>
      <c r="G259" s="851"/>
      <c r="H259" s="851"/>
      <c r="I259" s="851"/>
      <c r="J259" s="851"/>
      <c r="K259" s="851"/>
      <c r="L259" s="851"/>
      <c r="M259" s="851"/>
      <c r="N259" s="851"/>
    </row>
    <row r="260" spans="1:14">
      <c r="A260" s="851"/>
      <c r="B260" s="851"/>
      <c r="C260" s="851"/>
      <c r="D260" s="851"/>
      <c r="E260" s="851"/>
      <c r="F260" s="851"/>
      <c r="G260" s="851"/>
      <c r="H260" s="851"/>
      <c r="I260" s="851"/>
      <c r="J260" s="851"/>
      <c r="K260" s="851"/>
      <c r="L260" s="851"/>
      <c r="M260" s="851"/>
      <c r="N260" s="851"/>
    </row>
    <row r="261" spans="1:14">
      <c r="A261" s="851"/>
      <c r="B261" s="851"/>
      <c r="C261" s="851"/>
      <c r="D261" s="851"/>
      <c r="E261" s="851"/>
      <c r="F261" s="851"/>
      <c r="G261" s="851"/>
      <c r="H261" s="851"/>
      <c r="I261" s="851"/>
      <c r="J261" s="851"/>
      <c r="K261" s="851"/>
      <c r="L261" s="851"/>
      <c r="M261" s="851"/>
      <c r="N261" s="851"/>
    </row>
    <row r="262" spans="1:14">
      <c r="A262" s="851"/>
      <c r="B262" s="851"/>
      <c r="C262" s="851"/>
      <c r="D262" s="851"/>
      <c r="E262" s="851"/>
      <c r="F262" s="851"/>
      <c r="G262" s="851"/>
      <c r="H262" s="851"/>
      <c r="I262" s="851"/>
      <c r="J262" s="851"/>
      <c r="K262" s="851"/>
      <c r="L262" s="851"/>
      <c r="M262" s="851"/>
      <c r="N262" s="851"/>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252"/>
  <sheetViews>
    <sheetView showGridLines="0" zoomScale="145" zoomScaleNormal="145" zoomScaleSheetLayoutView="70"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67"/>
      <c r="B2" s="68"/>
      <c r="C2" s="68"/>
      <c r="D2" s="68"/>
      <c r="E2" s="69"/>
      <c r="F2" s="70"/>
      <c r="G2" s="98"/>
      <c r="H2" s="98"/>
      <c r="I2" s="71"/>
    </row>
    <row r="3" spans="1:13" s="95" customFormat="1" ht="9.9499999999999993" customHeight="1">
      <c r="A3" s="72" t="s">
        <v>399</v>
      </c>
      <c r="B3" s="73"/>
      <c r="C3" s="73"/>
      <c r="D3" s="73"/>
      <c r="E3" s="74"/>
      <c r="F3" s="75"/>
      <c r="G3" s="99"/>
      <c r="H3" s="99"/>
      <c r="I3" s="76"/>
    </row>
    <row r="4" spans="1:13" s="94" customFormat="1" ht="9.9499999999999993" customHeight="1">
      <c r="A4" s="80"/>
      <c r="B4" s="77"/>
      <c r="C4" s="77"/>
      <c r="D4" s="77"/>
      <c r="E4" s="78"/>
      <c r="F4" s="79"/>
      <c r="G4" s="100"/>
      <c r="H4" s="97"/>
      <c r="I4" s="186"/>
    </row>
    <row r="5" spans="1:13" s="95" customFormat="1" ht="9.9499999999999993" customHeight="1">
      <c r="A5" s="67"/>
      <c r="B5" s="68"/>
      <c r="C5" s="885" t="s">
        <v>431</v>
      </c>
      <c r="D5" s="68"/>
      <c r="E5" s="69"/>
      <c r="F5" s="70"/>
      <c r="G5" s="98"/>
      <c r="H5" s="98"/>
      <c r="I5" s="71"/>
    </row>
    <row r="6" spans="1:13" s="95" customFormat="1" ht="9.9499999999999993" customHeight="1">
      <c r="A6" s="72"/>
      <c r="B6" s="73" t="s">
        <v>315</v>
      </c>
      <c r="C6" s="713" t="s">
        <v>316</v>
      </c>
      <c r="D6" s="184"/>
      <c r="E6" s="74"/>
      <c r="F6" s="75"/>
      <c r="G6" s="99"/>
      <c r="H6" s="99"/>
      <c r="I6" s="76"/>
    </row>
    <row r="7" spans="1:13" s="94" customFormat="1" ht="9.9499999999999993" customHeight="1">
      <c r="A7" s="80"/>
      <c r="B7" s="77"/>
      <c r="C7" s="730" t="s">
        <v>426</v>
      </c>
      <c r="D7" s="77"/>
      <c r="E7" s="78" t="s">
        <v>317</v>
      </c>
      <c r="F7" s="79">
        <v>1</v>
      </c>
      <c r="G7" s="100"/>
      <c r="H7" s="97"/>
      <c r="I7" s="190"/>
    </row>
    <row r="8" spans="1:13" s="95" customFormat="1" ht="9.9499999999999993" customHeight="1">
      <c r="A8" s="67"/>
      <c r="B8" s="68"/>
      <c r="C8" s="68"/>
      <c r="D8" s="85"/>
      <c r="E8" s="231"/>
      <c r="F8" s="225"/>
      <c r="G8" s="102"/>
      <c r="H8" s="230"/>
      <c r="I8" s="71"/>
      <c r="L8" s="238"/>
    </row>
    <row r="9" spans="1:13" s="95" customFormat="1" ht="9.9499999999999993" customHeight="1">
      <c r="A9" s="72"/>
      <c r="B9" s="73"/>
      <c r="C9" s="73" t="s">
        <v>427</v>
      </c>
      <c r="D9" s="85"/>
      <c r="E9" s="233"/>
      <c r="F9" s="227"/>
      <c r="G9" s="103"/>
      <c r="H9" s="228"/>
      <c r="I9" s="193"/>
      <c r="L9" s="238"/>
    </row>
    <row r="10" spans="1:13" s="94" customFormat="1" ht="9.9499999999999993" customHeight="1">
      <c r="A10" s="80"/>
      <c r="B10" s="77"/>
      <c r="C10" s="73" t="s">
        <v>428</v>
      </c>
      <c r="D10" s="86"/>
      <c r="E10" s="245" t="s">
        <v>317</v>
      </c>
      <c r="F10" s="227">
        <v>1</v>
      </c>
      <c r="G10" s="101"/>
      <c r="H10" s="224"/>
      <c r="I10" s="194"/>
      <c r="L10" s="239"/>
    </row>
    <row r="11" spans="1:13" s="95" customFormat="1" ht="9.9499999999999993" customHeight="1">
      <c r="A11" s="67"/>
      <c r="B11" s="68"/>
      <c r="C11" s="221"/>
      <c r="D11" s="85"/>
      <c r="E11" s="231"/>
      <c r="F11" s="225"/>
      <c r="G11" s="102"/>
      <c r="H11" s="230"/>
      <c r="I11" s="71"/>
      <c r="K11" s="94"/>
      <c r="L11" s="238"/>
      <c r="M11" s="94"/>
    </row>
    <row r="12" spans="1:13" s="95" customFormat="1" ht="9.9499999999999993" customHeight="1">
      <c r="A12" s="72"/>
      <c r="B12" s="73"/>
      <c r="C12" s="244"/>
      <c r="D12" s="85"/>
      <c r="E12" s="233"/>
      <c r="F12" s="227"/>
      <c r="G12" s="103"/>
      <c r="H12" s="228"/>
      <c r="I12" s="193"/>
      <c r="K12" s="94"/>
      <c r="L12" s="238"/>
      <c r="M12" s="94"/>
    </row>
    <row r="13" spans="1:13" s="94" customFormat="1" ht="9.9499999999999993" customHeight="1">
      <c r="A13" s="80"/>
      <c r="B13" s="77"/>
      <c r="C13" s="242" t="s">
        <v>429</v>
      </c>
      <c r="D13" s="86"/>
      <c r="E13" s="245" t="s">
        <v>317</v>
      </c>
      <c r="F13" s="227">
        <v>1</v>
      </c>
      <c r="G13" s="101"/>
      <c r="H13" s="224"/>
      <c r="I13" s="194"/>
      <c r="L13" s="239"/>
    </row>
    <row r="14" spans="1:13" s="95" customFormat="1" ht="9.9499999999999993" customHeight="1">
      <c r="A14" s="67"/>
      <c r="B14" s="68"/>
      <c r="C14" s="221"/>
      <c r="D14" s="105"/>
      <c r="E14" s="231"/>
      <c r="F14" s="217"/>
      <c r="G14" s="218"/>
      <c r="H14" s="230"/>
      <c r="I14" s="71"/>
      <c r="K14" s="94"/>
      <c r="L14" s="238"/>
      <c r="M14" s="94"/>
    </row>
    <row r="15" spans="1:13" s="95" customFormat="1" ht="9.9499999999999993" customHeight="1">
      <c r="A15" s="72"/>
      <c r="B15" s="73"/>
      <c r="C15" s="281"/>
      <c r="D15" s="220"/>
      <c r="E15" s="233"/>
      <c r="F15" s="246"/>
      <c r="G15" s="219"/>
      <c r="H15" s="228"/>
      <c r="I15" s="193"/>
      <c r="K15" s="94"/>
      <c r="L15" s="238"/>
      <c r="M15" s="94"/>
    </row>
    <row r="16" spans="1:13" s="94" customFormat="1" ht="9.9499999999999993" customHeight="1">
      <c r="A16" s="80"/>
      <c r="B16" s="77"/>
      <c r="C16" s="243" t="s">
        <v>430</v>
      </c>
      <c r="D16" s="469"/>
      <c r="E16" s="245" t="s">
        <v>317</v>
      </c>
      <c r="F16" s="246">
        <v>1</v>
      </c>
      <c r="G16" s="219"/>
      <c r="H16" s="224"/>
      <c r="I16" s="194"/>
      <c r="L16" s="544"/>
    </row>
    <row r="17" spans="1:13" s="95" customFormat="1" ht="9.9499999999999993" customHeight="1">
      <c r="A17" s="67"/>
      <c r="B17" s="68"/>
      <c r="C17" s="120"/>
      <c r="D17" s="121"/>
      <c r="E17" s="121"/>
      <c r="F17" s="122"/>
      <c r="G17" s="106"/>
      <c r="H17" s="112"/>
      <c r="I17" s="71"/>
      <c r="K17" s="94"/>
      <c r="L17" s="543"/>
      <c r="M17" s="94"/>
    </row>
    <row r="18" spans="1:13" s="95" customFormat="1" ht="9.9499999999999993" customHeight="1">
      <c r="A18" s="72"/>
      <c r="B18" s="73"/>
      <c r="C18" s="125"/>
      <c r="D18" s="126"/>
      <c r="E18" s="126"/>
      <c r="F18" s="127"/>
      <c r="G18" s="107"/>
      <c r="H18" s="113"/>
      <c r="I18" s="193"/>
      <c r="K18" s="94"/>
      <c r="L18" s="238"/>
      <c r="M18" s="94"/>
    </row>
    <row r="19" spans="1:13" s="94" customFormat="1" ht="9.9499999999999993" customHeight="1">
      <c r="A19" s="80"/>
      <c r="B19" s="77"/>
      <c r="C19" s="125" t="s">
        <v>349</v>
      </c>
      <c r="D19" s="130"/>
      <c r="E19" s="131"/>
      <c r="F19" s="132"/>
      <c r="G19" s="108"/>
      <c r="H19" s="240"/>
      <c r="I19" s="194"/>
      <c r="L19" s="239"/>
    </row>
    <row r="20" spans="1:13" s="95" customFormat="1" ht="9.9499999999999993" customHeight="1">
      <c r="A20" s="67"/>
      <c r="B20" s="221"/>
      <c r="C20" s="221"/>
      <c r="D20" s="221"/>
      <c r="E20" s="231"/>
      <c r="F20" s="291"/>
      <c r="G20" s="102"/>
      <c r="H20" s="292"/>
      <c r="I20" s="293"/>
      <c r="L20" s="238"/>
      <c r="M20" s="94"/>
    </row>
    <row r="21" spans="1:13" s="95" customFormat="1" ht="9.9499999999999993" customHeight="1">
      <c r="A21" s="72" t="s">
        <v>400</v>
      </c>
      <c r="B21" s="295"/>
      <c r="C21" s="295"/>
      <c r="D21" s="295"/>
      <c r="E21" s="296"/>
      <c r="F21" s="297"/>
      <c r="G21" s="103"/>
      <c r="H21" s="298"/>
      <c r="I21" s="299"/>
      <c r="L21" s="238"/>
    </row>
    <row r="22" spans="1:13" s="94" customFormat="1" ht="9.9499999999999993" customHeight="1">
      <c r="A22" s="80"/>
      <c r="B22" s="301"/>
      <c r="C22" s="302"/>
      <c r="D22" s="302"/>
      <c r="E22" s="302"/>
      <c r="F22" s="303"/>
      <c r="G22" s="101"/>
      <c r="H22" s="304"/>
      <c r="I22" s="305"/>
      <c r="L22" s="239"/>
    </row>
    <row r="23" spans="1:13" s="95" customFormat="1" ht="9.9499999999999993" customHeight="1">
      <c r="A23" s="290"/>
      <c r="B23" s="221"/>
      <c r="C23" s="306"/>
      <c r="D23" s="306"/>
      <c r="E23" s="231"/>
      <c r="F23" s="307"/>
      <c r="G23" s="308"/>
      <c r="H23" s="213"/>
      <c r="I23" s="309"/>
    </row>
    <row r="24" spans="1:13" s="95" customFormat="1" ht="9.9499999999999993" customHeight="1">
      <c r="A24" s="294"/>
      <c r="B24" s="295" t="s">
        <v>320</v>
      </c>
      <c r="C24" s="310"/>
      <c r="D24" s="310"/>
      <c r="E24" s="296"/>
      <c r="F24" s="311"/>
      <c r="G24" s="312"/>
      <c r="H24" s="207"/>
      <c r="I24" s="313"/>
    </row>
    <row r="25" spans="1:13" s="94" customFormat="1" ht="9.9499999999999993" customHeight="1">
      <c r="A25" s="300"/>
      <c r="B25" s="314"/>
      <c r="C25" s="314"/>
      <c r="D25" s="301"/>
      <c r="E25" s="315"/>
      <c r="F25" s="316"/>
      <c r="G25" s="317"/>
      <c r="H25" s="304"/>
      <c r="I25" s="318"/>
    </row>
    <row r="26" spans="1:13" s="95" customFormat="1" ht="9.9499999999999993" customHeight="1">
      <c r="A26" s="290"/>
      <c r="B26" s="221"/>
      <c r="C26" s="306"/>
      <c r="D26" s="310"/>
      <c r="E26" s="231"/>
      <c r="F26" s="319"/>
      <c r="G26" s="183"/>
      <c r="H26" s="292"/>
      <c r="I26" s="309"/>
    </row>
    <row r="27" spans="1:13" s="95" customFormat="1" ht="9.9499999999999993" customHeight="1">
      <c r="A27" s="320"/>
      <c r="B27" s="295"/>
      <c r="C27" s="310"/>
      <c r="D27" s="310"/>
      <c r="E27" s="296"/>
      <c r="F27" s="321"/>
      <c r="G27" s="185"/>
      <c r="H27" s="298"/>
      <c r="I27" s="313"/>
    </row>
    <row r="28" spans="1:13" s="94" customFormat="1" ht="9.9499999999999993" customHeight="1">
      <c r="A28" s="300"/>
      <c r="B28" s="301"/>
      <c r="C28" s="295" t="s">
        <v>321</v>
      </c>
      <c r="D28" s="301" t="s">
        <v>322</v>
      </c>
      <c r="E28" s="315" t="s">
        <v>69</v>
      </c>
      <c r="F28" s="322">
        <v>2</v>
      </c>
      <c r="G28" s="101"/>
      <c r="H28" s="304"/>
      <c r="I28" s="323"/>
    </row>
    <row r="29" spans="1:13" s="95" customFormat="1" ht="9.9499999999999993" customHeight="1">
      <c r="A29" s="290"/>
      <c r="B29" s="221"/>
      <c r="C29" s="221"/>
      <c r="D29" s="324"/>
      <c r="E29" s="231"/>
      <c r="F29" s="291"/>
      <c r="G29" s="102"/>
      <c r="H29" s="325"/>
      <c r="I29" s="326"/>
    </row>
    <row r="30" spans="1:13" s="95" customFormat="1" ht="9.9499999999999993" customHeight="1">
      <c r="A30" s="320"/>
      <c r="B30" s="295"/>
      <c r="C30" s="295"/>
      <c r="D30" s="327" t="s">
        <v>323</v>
      </c>
      <c r="E30" s="296"/>
      <c r="F30" s="297"/>
      <c r="G30" s="103"/>
      <c r="H30" s="103"/>
      <c r="I30" s="313"/>
    </row>
    <row r="31" spans="1:13" s="94" customFormat="1" ht="9.9499999999999993" customHeight="1">
      <c r="A31" s="300"/>
      <c r="B31" s="301"/>
      <c r="C31" s="314" t="s">
        <v>324</v>
      </c>
      <c r="D31" s="301" t="s">
        <v>325</v>
      </c>
      <c r="E31" s="315" t="s">
        <v>69</v>
      </c>
      <c r="F31" s="328">
        <v>15</v>
      </c>
      <c r="G31" s="101"/>
      <c r="H31" s="304"/>
      <c r="I31" s="323"/>
    </row>
    <row r="32" spans="1:13" s="95" customFormat="1" ht="9.9499999999999993" customHeight="1">
      <c r="A32" s="290"/>
      <c r="B32" s="221"/>
      <c r="C32" s="221"/>
      <c r="D32" s="221"/>
      <c r="E32" s="231"/>
      <c r="F32" s="291"/>
      <c r="G32" s="102"/>
      <c r="H32" s="325"/>
      <c r="I32" s="326"/>
    </row>
    <row r="33" spans="1:9" s="95" customFormat="1" ht="9.9499999999999993" customHeight="1">
      <c r="A33" s="320"/>
      <c r="B33" s="295"/>
      <c r="C33" s="295"/>
      <c r="D33" s="295"/>
      <c r="E33" s="296"/>
      <c r="F33" s="297"/>
      <c r="G33" s="103"/>
      <c r="H33" s="103"/>
      <c r="I33" s="313"/>
    </row>
    <row r="34" spans="1:9" s="94" customFormat="1" ht="9.9499999999999993" customHeight="1">
      <c r="A34" s="300"/>
      <c r="B34" s="314"/>
      <c r="C34" s="333" t="s">
        <v>401</v>
      </c>
      <c r="D34" s="333" t="s">
        <v>402</v>
      </c>
      <c r="E34" s="334" t="s">
        <v>403</v>
      </c>
      <c r="F34" s="335">
        <v>3</v>
      </c>
      <c r="G34" s="336"/>
      <c r="H34" s="304"/>
      <c r="I34" s="323"/>
    </row>
    <row r="35" spans="1:9" s="95" customFormat="1" ht="9.9499999999999993" customHeight="1">
      <c r="A35" s="290"/>
      <c r="B35" s="221"/>
      <c r="C35" s="221"/>
      <c r="D35" s="221"/>
      <c r="E35" s="231"/>
      <c r="F35" s="291"/>
      <c r="G35" s="102"/>
      <c r="H35" s="292"/>
      <c r="I35" s="332"/>
    </row>
    <row r="36" spans="1:9" s="95" customFormat="1" ht="9.9499999999999993" customHeight="1">
      <c r="A36" s="320"/>
      <c r="B36" s="295"/>
      <c r="C36" s="295"/>
      <c r="D36" s="295"/>
      <c r="E36" s="296"/>
      <c r="F36" s="297"/>
      <c r="G36" s="103"/>
      <c r="H36" s="298"/>
      <c r="I36" s="299"/>
    </row>
    <row r="37" spans="1:9" s="94" customFormat="1" ht="9.9499999999999993" customHeight="1">
      <c r="A37" s="300"/>
      <c r="B37" s="315"/>
      <c r="C37" s="333" t="s">
        <v>404</v>
      </c>
      <c r="D37" s="333" t="s">
        <v>405</v>
      </c>
      <c r="E37" s="315" t="s">
        <v>406</v>
      </c>
      <c r="F37" s="449">
        <v>1</v>
      </c>
      <c r="G37" s="101"/>
      <c r="H37" s="304"/>
      <c r="I37" s="323"/>
    </row>
    <row r="38" spans="1:9" s="95" customFormat="1" ht="9.9499999999999993" customHeight="1">
      <c r="A38" s="338"/>
      <c r="B38" s="221"/>
      <c r="C38" s="221"/>
      <c r="D38" s="350"/>
      <c r="E38" s="296"/>
      <c r="F38" s="335"/>
      <c r="G38" s="336"/>
      <c r="H38" s="102"/>
      <c r="I38" s="345"/>
    </row>
    <row r="39" spans="1:9" s="95" customFormat="1" ht="9.9499999999999993" customHeight="1">
      <c r="A39" s="294"/>
      <c r="B39" s="295"/>
      <c r="C39" s="295"/>
      <c r="D39" s="327"/>
      <c r="E39" s="296"/>
      <c r="F39" s="297"/>
      <c r="G39" s="336"/>
      <c r="H39" s="340"/>
      <c r="I39" s="326"/>
    </row>
    <row r="40" spans="1:9" s="94" customFormat="1" ht="9.9499999999999993" customHeight="1">
      <c r="A40" s="576"/>
      <c r="B40" s="577"/>
      <c r="C40" s="577" t="s">
        <v>349</v>
      </c>
      <c r="D40" s="577"/>
      <c r="E40" s="578"/>
      <c r="F40" s="579"/>
      <c r="G40" s="579"/>
      <c r="H40" s="580"/>
      <c r="I40" s="581"/>
    </row>
    <row r="41" spans="1:9" s="91" customFormat="1" ht="30" customHeight="1">
      <c r="A41" s="962" t="s">
        <v>31</v>
      </c>
      <c r="B41" s="963"/>
      <c r="C41" s="963"/>
      <c r="D41" s="963"/>
      <c r="E41" s="963"/>
      <c r="F41" s="963"/>
      <c r="G41" s="963"/>
      <c r="H41" s="963"/>
      <c r="I41" s="964"/>
    </row>
    <row r="42" spans="1:9" s="90" customFormat="1" ht="30" customHeight="1">
      <c r="A42" s="150" t="s">
        <v>22</v>
      </c>
      <c r="B42" s="151" t="s">
        <v>23</v>
      </c>
      <c r="C42" s="151" t="s">
        <v>24</v>
      </c>
      <c r="D42" s="151" t="s">
        <v>25</v>
      </c>
      <c r="E42" s="151" t="s">
        <v>26</v>
      </c>
      <c r="F42" s="151" t="s">
        <v>27</v>
      </c>
      <c r="G42" s="152" t="s">
        <v>28</v>
      </c>
      <c r="H42" s="153" t="s">
        <v>29</v>
      </c>
      <c r="I42" s="154" t="s">
        <v>30</v>
      </c>
    </row>
    <row r="43" spans="1:9" s="95" customFormat="1" ht="9.9499999999999993" customHeight="1">
      <c r="A43" s="338"/>
      <c r="B43" s="221"/>
      <c r="C43" s="354"/>
      <c r="D43" s="355"/>
      <c r="E43" s="173"/>
      <c r="F43" s="173"/>
      <c r="G43" s="459"/>
      <c r="H43" s="450"/>
      <c r="I43" s="71"/>
    </row>
    <row r="44" spans="1:9" s="95" customFormat="1" ht="9.9499999999999993" customHeight="1">
      <c r="A44" s="294" t="s">
        <v>407</v>
      </c>
      <c r="B44" s="295"/>
      <c r="C44" s="359"/>
      <c r="D44" s="360"/>
      <c r="E44" s="171"/>
      <c r="F44" s="171"/>
      <c r="G44" s="460"/>
      <c r="H44" s="452"/>
      <c r="I44" s="76"/>
    </row>
    <row r="45" spans="1:9" s="94" customFormat="1" ht="9.9499999999999993" customHeight="1">
      <c r="A45" s="342"/>
      <c r="B45" s="301"/>
      <c r="C45" s="458"/>
      <c r="D45" s="364"/>
      <c r="E45" s="461"/>
      <c r="F45" s="461"/>
      <c r="G45" s="462"/>
      <c r="H45" s="444"/>
      <c r="I45" s="186"/>
    </row>
    <row r="46" spans="1:9" s="95" customFormat="1" ht="9.9499999999999993" customHeight="1">
      <c r="A46" s="352"/>
      <c r="B46" s="306"/>
      <c r="C46" s="454"/>
      <c r="D46" s="455"/>
      <c r="E46" s="454"/>
      <c r="F46" s="455"/>
      <c r="G46" s="454"/>
      <c r="H46" s="455"/>
      <c r="I46" s="71"/>
    </row>
    <row r="47" spans="1:9" s="95" customFormat="1" ht="9.9499999999999993" customHeight="1">
      <c r="A47" s="352"/>
      <c r="B47" s="310" t="s">
        <v>306</v>
      </c>
      <c r="C47" s="454"/>
      <c r="D47" s="456"/>
      <c r="E47" s="454"/>
      <c r="F47" s="456"/>
      <c r="G47" s="454"/>
      <c r="H47" s="456"/>
      <c r="I47" s="76"/>
    </row>
    <row r="48" spans="1:9" s="94" customFormat="1" ht="9.9499999999999993" customHeight="1">
      <c r="A48" s="362"/>
      <c r="B48" s="453"/>
      <c r="C48" s="457"/>
      <c r="D48" s="363"/>
      <c r="E48" s="457"/>
      <c r="F48" s="363"/>
      <c r="G48" s="457"/>
      <c r="H48" s="363"/>
      <c r="I48" s="190"/>
    </row>
    <row r="49" spans="1:9" s="95" customFormat="1" ht="9.9499999999999993" customHeight="1">
      <c r="A49" s="343"/>
      <c r="B49" s="306"/>
      <c r="C49" s="84"/>
      <c r="D49" s="84"/>
      <c r="E49" s="211"/>
      <c r="F49" s="291"/>
      <c r="G49" s="102"/>
      <c r="H49" s="292"/>
      <c r="I49" s="71"/>
    </row>
    <row r="50" spans="1:9" s="95" customFormat="1" ht="9.9499999999999993" customHeight="1">
      <c r="A50" s="294"/>
      <c r="B50" s="310"/>
      <c r="C50" s="472"/>
      <c r="D50" s="85"/>
      <c r="E50" s="174"/>
      <c r="F50" s="297"/>
      <c r="G50" s="103"/>
      <c r="H50" s="103"/>
      <c r="I50" s="193"/>
    </row>
    <row r="51" spans="1:9" s="94" customFormat="1" ht="9.9499999999999993" customHeight="1">
      <c r="A51" s="344"/>
      <c r="B51" s="453"/>
      <c r="C51" s="473" t="s">
        <v>408</v>
      </c>
      <c r="D51" s="86" t="s">
        <v>353</v>
      </c>
      <c r="E51" s="208" t="s">
        <v>71</v>
      </c>
      <c r="F51" s="466">
        <v>16.100000000000001</v>
      </c>
      <c r="G51" s="101"/>
      <c r="H51" s="304"/>
      <c r="I51" s="194"/>
    </row>
    <row r="52" spans="1:9" s="95" customFormat="1" ht="9.9499999999999993" customHeight="1">
      <c r="A52" s="343"/>
      <c r="B52" s="221"/>
      <c r="C52" s="84"/>
      <c r="D52" s="84"/>
      <c r="E52" s="211"/>
      <c r="F52" s="291"/>
      <c r="G52" s="102"/>
      <c r="H52" s="292"/>
      <c r="I52" s="71"/>
    </row>
    <row r="53" spans="1:9" s="95" customFormat="1" ht="9.9499999999999993" customHeight="1">
      <c r="A53" s="294"/>
      <c r="B53" s="295"/>
      <c r="C53" s="472"/>
      <c r="D53" s="85"/>
      <c r="E53" s="174"/>
      <c r="F53" s="297"/>
      <c r="G53" s="103"/>
      <c r="H53" s="103"/>
      <c r="I53" s="193"/>
    </row>
    <row r="54" spans="1:9" s="94" customFormat="1" ht="9.9499999999999993" customHeight="1">
      <c r="A54" s="465"/>
      <c r="B54" s="314"/>
      <c r="C54" s="473" t="s">
        <v>408</v>
      </c>
      <c r="D54" s="86" t="s">
        <v>354</v>
      </c>
      <c r="E54" s="208" t="s">
        <v>71</v>
      </c>
      <c r="F54" s="466">
        <v>4.2</v>
      </c>
      <c r="G54" s="101"/>
      <c r="H54" s="304"/>
      <c r="I54" s="194"/>
    </row>
    <row r="55" spans="1:9" s="95" customFormat="1" ht="9.9499999999999993" customHeight="1">
      <c r="A55" s="343"/>
      <c r="B55" s="221"/>
      <c r="C55" s="84"/>
      <c r="D55" s="84"/>
      <c r="E55" s="211"/>
      <c r="F55" s="291"/>
      <c r="G55" s="212"/>
      <c r="H55" s="292"/>
      <c r="I55" s="71"/>
    </row>
    <row r="56" spans="1:9" s="95" customFormat="1" ht="9.9499999999999993" customHeight="1">
      <c r="A56" s="294"/>
      <c r="B56" s="295"/>
      <c r="C56" s="472"/>
      <c r="D56" s="85"/>
      <c r="E56" s="174"/>
      <c r="F56" s="297"/>
      <c r="G56" s="206"/>
      <c r="H56" s="103"/>
      <c r="I56" s="193"/>
    </row>
    <row r="57" spans="1:9" s="94" customFormat="1" ht="9.9499999999999993" customHeight="1">
      <c r="A57" s="344"/>
      <c r="B57" s="314"/>
      <c r="C57" s="473" t="s">
        <v>408</v>
      </c>
      <c r="D57" s="86" t="s">
        <v>409</v>
      </c>
      <c r="E57" s="208" t="s">
        <v>71</v>
      </c>
      <c r="F57" s="466">
        <v>2.6</v>
      </c>
      <c r="G57" s="101"/>
      <c r="H57" s="304"/>
      <c r="I57" s="194"/>
    </row>
    <row r="58" spans="1:9" s="95" customFormat="1" ht="9.9499999999999993" customHeight="1">
      <c r="A58" s="343"/>
      <c r="B58" s="68"/>
      <c r="C58" s="84"/>
      <c r="D58" s="84"/>
      <c r="E58" s="211"/>
      <c r="F58" s="70"/>
      <c r="G58" s="103"/>
      <c r="H58" s="292"/>
      <c r="I58" s="71"/>
    </row>
    <row r="59" spans="1:9" s="95" customFormat="1" ht="9.9499999999999993" customHeight="1">
      <c r="A59" s="294"/>
      <c r="B59" s="73"/>
      <c r="C59" s="472"/>
      <c r="D59" s="85"/>
      <c r="E59" s="174"/>
      <c r="F59" s="75"/>
      <c r="G59" s="103"/>
      <c r="H59" s="103"/>
      <c r="I59" s="193"/>
    </row>
    <row r="60" spans="1:9" s="94" customFormat="1" ht="9.9499999999999993" customHeight="1">
      <c r="A60" s="344"/>
      <c r="B60" s="77"/>
      <c r="C60" s="473" t="s">
        <v>408</v>
      </c>
      <c r="D60" s="86" t="s">
        <v>410</v>
      </c>
      <c r="E60" s="208" t="s">
        <v>71</v>
      </c>
      <c r="F60" s="79">
        <v>1.8</v>
      </c>
      <c r="G60" s="101"/>
      <c r="H60" s="304"/>
      <c r="I60" s="194"/>
    </row>
    <row r="61" spans="1:9" s="95" customFormat="1" ht="9.9499999999999993" customHeight="1">
      <c r="A61" s="67"/>
      <c r="B61" s="73"/>
      <c r="C61" s="84"/>
      <c r="D61" s="84"/>
      <c r="E61" s="211"/>
      <c r="F61" s="470"/>
      <c r="G61" s="103"/>
      <c r="H61" s="292"/>
      <c r="I61" s="71"/>
    </row>
    <row r="62" spans="1:9" s="95" customFormat="1" ht="9.9499999999999993" customHeight="1">
      <c r="A62" s="72"/>
      <c r="B62" s="73"/>
      <c r="C62" s="472"/>
      <c r="D62" s="85"/>
      <c r="E62" s="174"/>
      <c r="F62" s="227"/>
      <c r="G62" s="103"/>
      <c r="H62" s="103"/>
      <c r="I62" s="193"/>
    </row>
    <row r="63" spans="1:9" s="94" customFormat="1" ht="9.9499999999999993" customHeight="1">
      <c r="A63" s="80"/>
      <c r="B63" s="77"/>
      <c r="C63" s="473" t="s">
        <v>408</v>
      </c>
      <c r="D63" s="86" t="s">
        <v>384</v>
      </c>
      <c r="E63" s="208" t="s">
        <v>71</v>
      </c>
      <c r="F63" s="227">
        <v>7.9</v>
      </c>
      <c r="G63" s="101"/>
      <c r="H63" s="304"/>
      <c r="I63" s="194"/>
    </row>
    <row r="64" spans="1:9" s="95" customFormat="1" ht="9.9499999999999993" customHeight="1">
      <c r="A64" s="67"/>
      <c r="B64" s="68"/>
      <c r="C64" s="84"/>
      <c r="D64" s="84"/>
      <c r="E64" s="211"/>
      <c r="F64" s="217"/>
      <c r="G64" s="218"/>
      <c r="H64" s="292"/>
      <c r="I64" s="71"/>
    </row>
    <row r="65" spans="1:9" s="95" customFormat="1" ht="9.9499999999999993" customHeight="1">
      <c r="A65" s="72"/>
      <c r="B65" s="73"/>
      <c r="C65" s="472"/>
      <c r="D65" s="85"/>
      <c r="E65" s="174"/>
      <c r="F65" s="246"/>
      <c r="G65" s="219"/>
      <c r="H65" s="103"/>
      <c r="I65" s="193"/>
    </row>
    <row r="66" spans="1:9" s="94" customFormat="1" ht="9.9499999999999993" customHeight="1">
      <c r="A66" s="80"/>
      <c r="B66" s="77"/>
      <c r="C66" s="473" t="s">
        <v>408</v>
      </c>
      <c r="D66" s="86" t="s">
        <v>411</v>
      </c>
      <c r="E66" s="208" t="s">
        <v>71</v>
      </c>
      <c r="F66" s="223">
        <v>2.6</v>
      </c>
      <c r="G66" s="557"/>
      <c r="H66" s="304"/>
      <c r="I66" s="194"/>
    </row>
    <row r="67" spans="1:9" s="95" customFormat="1" ht="9.9499999999999993" customHeight="1">
      <c r="A67" s="67"/>
      <c r="B67" s="68"/>
      <c r="C67" s="84"/>
      <c r="D67" s="84"/>
      <c r="E67" s="211"/>
      <c r="F67" s="551"/>
      <c r="G67" s="103"/>
      <c r="H67" s="102"/>
      <c r="I67" s="556"/>
    </row>
    <row r="68" spans="1:9" s="95" customFormat="1" ht="9.9499999999999993" customHeight="1">
      <c r="A68" s="72"/>
      <c r="B68" s="73"/>
      <c r="C68" s="472" t="s">
        <v>357</v>
      </c>
      <c r="D68" s="85"/>
      <c r="E68" s="174"/>
      <c r="F68" s="551"/>
      <c r="G68" s="103"/>
      <c r="H68" s="298"/>
      <c r="I68" s="553"/>
    </row>
    <row r="69" spans="1:9" s="94" customFormat="1" ht="9.9499999999999993" customHeight="1">
      <c r="A69" s="80"/>
      <c r="B69" s="93"/>
      <c r="C69" s="473" t="s">
        <v>358</v>
      </c>
      <c r="D69" s="86"/>
      <c r="E69" s="208" t="s">
        <v>289</v>
      </c>
      <c r="F69" s="554">
        <v>1</v>
      </c>
      <c r="G69" s="101"/>
      <c r="H69" s="369"/>
      <c r="I69" s="555"/>
    </row>
    <row r="70" spans="1:9" s="95" customFormat="1" ht="9.9499999999999993" customHeight="1">
      <c r="A70" s="119"/>
      <c r="B70" s="120"/>
      <c r="C70" s="221"/>
      <c r="D70" s="221"/>
      <c r="E70" s="211"/>
      <c r="F70" s="225"/>
      <c r="G70" s="218"/>
      <c r="H70" s="292"/>
      <c r="I70" s="71"/>
    </row>
    <row r="71" spans="1:9" s="95" customFormat="1" ht="9.9499999999999993" customHeight="1">
      <c r="A71" s="124"/>
      <c r="B71" s="125"/>
      <c r="C71" s="236"/>
      <c r="D71" s="237"/>
      <c r="E71" s="174"/>
      <c r="F71" s="227"/>
      <c r="G71" s="219"/>
      <c r="H71" s="103"/>
      <c r="I71" s="193"/>
    </row>
    <row r="72" spans="1:9" s="94" customFormat="1" ht="9.9499999999999993" customHeight="1">
      <c r="A72" s="129"/>
      <c r="B72" s="130"/>
      <c r="C72" s="244" t="s">
        <v>412</v>
      </c>
      <c r="D72" s="474" t="s">
        <v>330</v>
      </c>
      <c r="E72" s="208" t="s">
        <v>329</v>
      </c>
      <c r="F72" s="227">
        <v>30.8</v>
      </c>
      <c r="G72" s="219"/>
      <c r="H72" s="304"/>
      <c r="I72" s="194"/>
    </row>
    <row r="73" spans="1:9" s="95" customFormat="1" ht="9.9499999999999993" customHeight="1">
      <c r="A73" s="119"/>
      <c r="B73" s="120"/>
      <c r="C73" s="68"/>
      <c r="D73" s="89"/>
      <c r="E73" s="69"/>
      <c r="F73" s="70"/>
      <c r="G73" s="173"/>
      <c r="H73" s="179"/>
      <c r="I73" s="139"/>
    </row>
    <row r="74" spans="1:9" s="95" customFormat="1" ht="9.9499999999999993" customHeight="1">
      <c r="A74" s="124"/>
      <c r="B74" s="125"/>
      <c r="C74" s="73"/>
      <c r="D74" s="73"/>
      <c r="E74" s="74"/>
      <c r="F74" s="75"/>
      <c r="G74" s="171"/>
      <c r="H74" s="180"/>
      <c r="I74" s="128"/>
    </row>
    <row r="75" spans="1:9" s="94" customFormat="1" ht="9.9499999999999993" customHeight="1">
      <c r="A75" s="129"/>
      <c r="B75" s="130"/>
      <c r="C75" s="77" t="s">
        <v>413</v>
      </c>
      <c r="D75" s="77" t="s">
        <v>331</v>
      </c>
      <c r="E75" s="78" t="s">
        <v>329</v>
      </c>
      <c r="F75" s="79">
        <v>30.8</v>
      </c>
      <c r="G75" s="172"/>
      <c r="H75" s="304"/>
      <c r="I75" s="136"/>
    </row>
    <row r="76" spans="1:9" s="95" customFormat="1" ht="9.9499999999999993" customHeight="1">
      <c r="A76" s="119"/>
      <c r="B76" s="120"/>
      <c r="C76" s="120"/>
      <c r="D76" s="121"/>
      <c r="E76" s="121"/>
      <c r="F76" s="122"/>
      <c r="G76" s="106"/>
      <c r="H76" s="112"/>
      <c r="I76" s="142"/>
    </row>
    <row r="77" spans="1:9" s="95" customFormat="1" ht="9.9499999999999993" customHeight="1">
      <c r="A77" s="124"/>
      <c r="B77" s="125"/>
      <c r="C77" s="125"/>
      <c r="D77" s="126"/>
      <c r="E77" s="126"/>
      <c r="F77" s="127"/>
      <c r="G77" s="107"/>
      <c r="H77" s="113"/>
      <c r="I77" s="128"/>
    </row>
    <row r="78" spans="1:9" s="94" customFormat="1" ht="9.9499999999999993" customHeight="1">
      <c r="A78" s="129"/>
      <c r="B78" s="130"/>
      <c r="C78" s="125" t="s">
        <v>413</v>
      </c>
      <c r="D78" s="130" t="s">
        <v>328</v>
      </c>
      <c r="E78" s="131" t="s">
        <v>329</v>
      </c>
      <c r="F78" s="132">
        <v>3.3</v>
      </c>
      <c r="G78" s="108"/>
      <c r="H78" s="304"/>
      <c r="I78" s="136"/>
    </row>
    <row r="79" spans="1:9" s="95" customFormat="1" ht="9.75" customHeight="1">
      <c r="A79" s="119"/>
      <c r="B79" s="120"/>
      <c r="C79" s="84"/>
      <c r="D79" s="84"/>
      <c r="E79" s="211"/>
      <c r="F79" s="551"/>
      <c r="G79" s="103"/>
      <c r="H79" s="102"/>
      <c r="I79" s="556"/>
    </row>
    <row r="80" spans="1:9" s="95" customFormat="1" ht="9.75" customHeight="1">
      <c r="A80" s="124"/>
      <c r="B80" s="125"/>
      <c r="C80" s="472"/>
      <c r="D80" s="85"/>
      <c r="E80" s="174"/>
      <c r="F80" s="551"/>
      <c r="G80" s="103"/>
      <c r="H80" s="298"/>
      <c r="I80" s="553"/>
    </row>
    <row r="81" spans="1:13" s="94" customFormat="1" ht="9.9499999999999993" customHeight="1">
      <c r="A81" s="143"/>
      <c r="B81" s="144"/>
      <c r="C81" s="582" t="s">
        <v>290</v>
      </c>
      <c r="D81" s="583"/>
      <c r="E81" s="584" t="s">
        <v>289</v>
      </c>
      <c r="F81" s="585">
        <v>1</v>
      </c>
      <c r="G81" s="579"/>
      <c r="H81" s="586"/>
      <c r="I81" s="587"/>
    </row>
    <row r="82" spans="1:13" s="96" customFormat="1" ht="30" customHeight="1">
      <c r="A82" s="116" t="s">
        <v>39</v>
      </c>
      <c r="B82" s="117" t="s">
        <v>40</v>
      </c>
      <c r="C82" s="117" t="s">
        <v>36</v>
      </c>
      <c r="D82" s="117" t="s">
        <v>37</v>
      </c>
      <c r="E82" s="117" t="s">
        <v>33</v>
      </c>
      <c r="F82" s="117" t="s">
        <v>32</v>
      </c>
      <c r="G82" s="117" t="s">
        <v>34</v>
      </c>
      <c r="H82" s="114" t="s">
        <v>35</v>
      </c>
      <c r="I82" s="118" t="s">
        <v>38</v>
      </c>
    </row>
    <row r="83" spans="1:13" s="95" customFormat="1" ht="9.9499999999999993" customHeight="1">
      <c r="A83" s="338"/>
      <c r="B83" s="221"/>
      <c r="C83" s="354"/>
      <c r="D83" s="355"/>
      <c r="E83" s="173"/>
      <c r="F83" s="173"/>
      <c r="G83" s="459"/>
      <c r="H83" s="450"/>
      <c r="I83" s="71"/>
    </row>
    <row r="84" spans="1:13" s="95" customFormat="1" ht="9.9499999999999993" customHeight="1">
      <c r="A84" s="294"/>
      <c r="B84" s="295"/>
      <c r="C84" s="359"/>
      <c r="D84" s="360"/>
      <c r="E84" s="171"/>
      <c r="F84" s="171"/>
      <c r="G84" s="460"/>
      <c r="H84" s="452"/>
      <c r="I84" s="76"/>
    </row>
    <row r="85" spans="1:13" s="94" customFormat="1" ht="9.9499999999999993" customHeight="1">
      <c r="A85" s="342"/>
      <c r="B85" s="301"/>
      <c r="C85" s="458" t="s">
        <v>360</v>
      </c>
      <c r="D85" s="364"/>
      <c r="E85" s="568" t="s">
        <v>329</v>
      </c>
      <c r="F85" s="856">
        <v>28</v>
      </c>
      <c r="G85" s="462"/>
      <c r="H85" s="304"/>
      <c r="I85" s="186"/>
    </row>
    <row r="86" spans="1:13" s="95" customFormat="1" ht="9.9499999999999993" customHeight="1">
      <c r="A86" s="343"/>
      <c r="B86" s="306"/>
      <c r="C86" s="454"/>
      <c r="D86" s="455"/>
      <c r="E86" s="454"/>
      <c r="F86" s="455"/>
      <c r="G86" s="454"/>
      <c r="H86" s="455"/>
      <c r="I86" s="71"/>
    </row>
    <row r="87" spans="1:13" s="95" customFormat="1" ht="9.9499999999999993" customHeight="1">
      <c r="A87" s="294"/>
      <c r="B87" s="310"/>
      <c r="C87" s="454"/>
      <c r="D87" s="456"/>
      <c r="E87" s="454"/>
      <c r="F87" s="456"/>
      <c r="G87" s="454"/>
      <c r="H87" s="456"/>
      <c r="I87" s="76"/>
    </row>
    <row r="88" spans="1:13" s="94" customFormat="1" ht="9.9499999999999993" customHeight="1">
      <c r="A88" s="344"/>
      <c r="B88" s="453"/>
      <c r="C88" s="457" t="s">
        <v>349</v>
      </c>
      <c r="D88" s="363"/>
      <c r="E88" s="457"/>
      <c r="F88" s="363"/>
      <c r="G88" s="457"/>
      <c r="H88" s="569"/>
      <c r="I88" s="190"/>
    </row>
    <row r="89" spans="1:13" s="95" customFormat="1" ht="9.9499999999999993" customHeight="1">
      <c r="A89" s="343"/>
      <c r="B89" s="306"/>
      <c r="C89" s="221"/>
      <c r="D89" s="324"/>
      <c r="E89" s="231"/>
      <c r="F89" s="291"/>
      <c r="G89" s="102"/>
      <c r="H89" s="292"/>
      <c r="I89" s="71"/>
      <c r="L89" s="238"/>
    </row>
    <row r="90" spans="1:13" s="95" customFormat="1" ht="9.9499999999999993" customHeight="1">
      <c r="A90" s="294"/>
      <c r="B90" s="310"/>
      <c r="C90" s="295"/>
      <c r="D90" s="451"/>
      <c r="E90" s="296"/>
      <c r="F90" s="297"/>
      <c r="G90" s="103"/>
      <c r="H90" s="103"/>
      <c r="I90" s="193"/>
      <c r="L90" s="238"/>
    </row>
    <row r="91" spans="1:13" s="94" customFormat="1" ht="9.9499999999999993" customHeight="1">
      <c r="A91" s="344"/>
      <c r="B91" s="453"/>
      <c r="C91" s="301"/>
      <c r="D91" s="301"/>
      <c r="E91" s="315"/>
      <c r="F91" s="466"/>
      <c r="G91" s="101"/>
      <c r="H91" s="304"/>
      <c r="I91" s="194"/>
      <c r="L91" s="239"/>
    </row>
    <row r="92" spans="1:13" s="95" customFormat="1" ht="9.9499999999999993" customHeight="1">
      <c r="A92" s="343"/>
      <c r="B92" s="221"/>
      <c r="C92" s="221"/>
      <c r="D92" s="324"/>
      <c r="E92" s="231"/>
      <c r="F92" s="291"/>
      <c r="G92" s="102"/>
      <c r="H92" s="292"/>
      <c r="I92" s="71"/>
      <c r="K92" s="94"/>
      <c r="L92" s="238"/>
      <c r="M92" s="94"/>
    </row>
    <row r="93" spans="1:13" s="95" customFormat="1" ht="9.9499999999999993" customHeight="1">
      <c r="A93" s="294"/>
      <c r="B93" s="295"/>
      <c r="C93" s="295"/>
      <c r="D93" s="451"/>
      <c r="E93" s="296"/>
      <c r="F93" s="297"/>
      <c r="G93" s="103"/>
      <c r="H93" s="103"/>
      <c r="I93" s="193"/>
      <c r="K93" s="94"/>
      <c r="L93" s="238"/>
      <c r="M93" s="94"/>
    </row>
    <row r="94" spans="1:13" s="94" customFormat="1" ht="9.9499999999999993" customHeight="1">
      <c r="A94" s="465"/>
      <c r="B94" s="314"/>
      <c r="C94" s="301"/>
      <c r="D94" s="301"/>
      <c r="E94" s="315"/>
      <c r="F94" s="466"/>
      <c r="G94" s="101"/>
      <c r="H94" s="304"/>
      <c r="I94" s="194"/>
      <c r="L94" s="239"/>
    </row>
    <row r="95" spans="1:13" s="95" customFormat="1" ht="9.9499999999999993" customHeight="1">
      <c r="A95" s="343"/>
      <c r="B95" s="221"/>
      <c r="C95" s="221"/>
      <c r="D95" s="350"/>
      <c r="E95" s="231"/>
      <c r="F95" s="291"/>
      <c r="G95" s="212"/>
      <c r="H95" s="292"/>
      <c r="I95" s="71"/>
      <c r="K95" s="94"/>
      <c r="L95" s="238"/>
      <c r="M95" s="94"/>
    </row>
    <row r="96" spans="1:13" s="95" customFormat="1" ht="9.9499999999999993" customHeight="1">
      <c r="A96" s="294"/>
      <c r="B96" s="295"/>
      <c r="C96" s="295"/>
      <c r="D96" s="327"/>
      <c r="E96" s="296"/>
      <c r="F96" s="297"/>
      <c r="G96" s="206"/>
      <c r="H96" s="103"/>
      <c r="I96" s="193"/>
      <c r="K96" s="94"/>
      <c r="L96" s="238"/>
      <c r="M96" s="94"/>
    </row>
    <row r="97" spans="1:13" s="94" customFormat="1" ht="9.9499999999999993" customHeight="1">
      <c r="A97" s="344"/>
      <c r="B97" s="314"/>
      <c r="C97" s="467"/>
      <c r="D97" s="468"/>
      <c r="E97" s="315"/>
      <c r="F97" s="466"/>
      <c r="G97" s="101"/>
      <c r="H97" s="304"/>
      <c r="I97" s="194"/>
      <c r="L97" s="239"/>
    </row>
    <row r="98" spans="1:13" s="95" customFormat="1" ht="9.9499999999999993" customHeight="1">
      <c r="A98" s="343"/>
      <c r="B98" s="306"/>
      <c r="C98" s="221"/>
      <c r="D98" s="324"/>
      <c r="E98" s="231"/>
      <c r="F98" s="291"/>
      <c r="G98" s="102"/>
      <c r="H98" s="292"/>
      <c r="I98" s="71"/>
      <c r="K98" s="94"/>
      <c r="L98" s="543"/>
      <c r="M98" s="94"/>
    </row>
    <row r="99" spans="1:13" s="95" customFormat="1" ht="9.9499999999999993" customHeight="1">
      <c r="A99" s="294"/>
      <c r="B99" s="310"/>
      <c r="C99" s="295"/>
      <c r="D99" s="451"/>
      <c r="E99" s="296"/>
      <c r="F99" s="297"/>
      <c r="G99" s="103"/>
      <c r="H99" s="103"/>
      <c r="I99" s="193"/>
      <c r="K99" s="94"/>
      <c r="L99" s="238"/>
      <c r="M99" s="94"/>
    </row>
    <row r="100" spans="1:13" s="94" customFormat="1" ht="9.9499999999999993" customHeight="1">
      <c r="A100" s="344"/>
      <c r="B100" s="453"/>
      <c r="C100" s="301"/>
      <c r="D100" s="301"/>
      <c r="E100" s="315"/>
      <c r="F100" s="466"/>
      <c r="G100" s="101"/>
      <c r="H100" s="304"/>
      <c r="I100" s="194"/>
      <c r="L100" s="239"/>
    </row>
    <row r="101" spans="1:13" s="95" customFormat="1" ht="9.9499999999999993" customHeight="1">
      <c r="A101" s="338"/>
      <c r="B101" s="353"/>
      <c r="C101" s="306"/>
      <c r="D101" s="231"/>
      <c r="E101" s="231"/>
      <c r="F101" s="356"/>
      <c r="G101" s="357"/>
      <c r="H101" s="357"/>
      <c r="I101" s="345"/>
      <c r="L101" s="238"/>
      <c r="M101" s="94"/>
    </row>
    <row r="102" spans="1:13" s="95" customFormat="1" ht="9.9499999999999993" customHeight="1">
      <c r="A102" s="294" t="s">
        <v>414</v>
      </c>
      <c r="B102" s="358"/>
      <c r="C102" s="310"/>
      <c r="D102" s="296"/>
      <c r="E102" s="296"/>
      <c r="F102" s="356"/>
      <c r="G102" s="361"/>
      <c r="H102" s="361"/>
      <c r="I102" s="326"/>
      <c r="L102" s="238"/>
    </row>
    <row r="103" spans="1:13" s="94" customFormat="1" ht="9.9499999999999993" customHeight="1">
      <c r="A103" s="342"/>
      <c r="B103" s="370"/>
      <c r="C103" s="182"/>
      <c r="D103" s="182"/>
      <c r="E103" s="78"/>
      <c r="F103" s="210"/>
      <c r="G103" s="209"/>
      <c r="H103" s="209"/>
      <c r="I103" s="351"/>
      <c r="L103" s="239"/>
    </row>
    <row r="104" spans="1:13" s="95" customFormat="1" ht="9.9499999999999993" customHeight="1">
      <c r="A104" s="338"/>
      <c r="B104" s="221"/>
      <c r="C104" s="221"/>
      <c r="D104" s="350"/>
      <c r="E104" s="231"/>
      <c r="F104" s="335"/>
      <c r="G104" s="336"/>
      <c r="H104" s="102"/>
      <c r="I104" s="139"/>
    </row>
    <row r="105" spans="1:13" s="95" customFormat="1" ht="9.9499999999999993" customHeight="1">
      <c r="A105" s="294"/>
      <c r="B105" s="295" t="s">
        <v>281</v>
      </c>
      <c r="C105" s="295"/>
      <c r="D105" s="327"/>
      <c r="E105" s="296"/>
      <c r="F105" s="297"/>
      <c r="G105" s="336"/>
      <c r="H105" s="340"/>
      <c r="I105" s="367"/>
    </row>
    <row r="106" spans="1:13" s="94" customFormat="1" ht="9.9499999999999993" customHeight="1">
      <c r="A106" s="342"/>
      <c r="B106" s="314"/>
      <c r="C106" s="301"/>
      <c r="D106" s="301"/>
      <c r="E106" s="315"/>
      <c r="F106" s="482"/>
      <c r="G106" s="348"/>
      <c r="H106" s="181"/>
      <c r="I106" s="366"/>
    </row>
    <row r="107" spans="1:13" s="95" customFormat="1" ht="9.9499999999999993" customHeight="1">
      <c r="A107" s="338"/>
      <c r="B107" s="221"/>
      <c r="C107" s="354"/>
      <c r="D107" s="355"/>
      <c r="E107" s="355"/>
      <c r="F107" s="356"/>
      <c r="G107" s="357"/>
      <c r="H107" s="357"/>
      <c r="I107" s="339"/>
    </row>
    <row r="108" spans="1:13" s="95" customFormat="1" ht="9.9499999999999993" customHeight="1">
      <c r="A108" s="294"/>
      <c r="B108" s="295"/>
      <c r="C108" s="359"/>
      <c r="D108" s="360"/>
      <c r="E108" s="360" t="s">
        <v>334</v>
      </c>
      <c r="F108" s="356"/>
      <c r="G108" s="361"/>
      <c r="H108" s="361"/>
      <c r="I108" s="341"/>
    </row>
    <row r="109" spans="1:13" s="94" customFormat="1" ht="9.9499999999999993" customHeight="1">
      <c r="A109" s="342"/>
      <c r="B109" s="301"/>
      <c r="C109" s="371" t="s">
        <v>335</v>
      </c>
      <c r="D109" s="364"/>
      <c r="E109" s="364" t="s">
        <v>336</v>
      </c>
      <c r="F109" s="210">
        <v>1</v>
      </c>
      <c r="G109" s="304"/>
      <c r="H109" s="304"/>
      <c r="I109" s="366"/>
    </row>
    <row r="110" spans="1:13" s="95" customFormat="1" ht="9.9499999999999993" customHeight="1">
      <c r="A110" s="352"/>
      <c r="B110" s="353"/>
      <c r="C110" s="602"/>
      <c r="D110" s="602"/>
      <c r="E110" s="283"/>
      <c r="F110" s="283"/>
      <c r="G110" s="602"/>
      <c r="H110" s="602"/>
      <c r="I110" s="139"/>
    </row>
    <row r="111" spans="1:13" s="95" customFormat="1" ht="9.9499999999999993" customHeight="1">
      <c r="A111" s="352"/>
      <c r="B111" s="358"/>
      <c r="C111" s="283"/>
      <c r="D111" s="283"/>
      <c r="E111" s="283"/>
      <c r="F111" s="283"/>
      <c r="G111" s="283"/>
      <c r="I111" s="367"/>
    </row>
    <row r="112" spans="1:13" s="94" customFormat="1" ht="9.9499999999999993" customHeight="1">
      <c r="A112" s="362"/>
      <c r="B112" s="370"/>
      <c r="C112" s="603" t="s">
        <v>415</v>
      </c>
      <c r="D112" s="603"/>
      <c r="E112" s="604" t="s">
        <v>397</v>
      </c>
      <c r="F112" s="603">
        <v>90</v>
      </c>
      <c r="G112" s="603"/>
      <c r="H112" s="304"/>
      <c r="I112" s="366"/>
    </row>
    <row r="113" spans="1:9" s="95" customFormat="1" ht="9.9499999999999993" customHeight="1">
      <c r="A113" s="343"/>
      <c r="B113" s="68"/>
      <c r="C113" s="306"/>
      <c r="D113" s="231"/>
      <c r="E113" s="231"/>
      <c r="F113" s="356"/>
      <c r="G113" s="357"/>
      <c r="H113" s="357"/>
      <c r="I113" s="139"/>
    </row>
    <row r="114" spans="1:9" s="95" customFormat="1" ht="9.9499999999999993" customHeight="1">
      <c r="A114" s="294"/>
      <c r="B114" s="73"/>
      <c r="C114" s="310"/>
      <c r="D114" s="296"/>
      <c r="E114" s="296"/>
      <c r="F114" s="356"/>
      <c r="G114" s="361"/>
      <c r="H114" s="361"/>
      <c r="I114" s="367"/>
    </row>
    <row r="115" spans="1:9" s="94" customFormat="1" ht="9.9499999999999993" customHeight="1">
      <c r="A115" s="465"/>
      <c r="B115" s="77"/>
      <c r="C115" s="182" t="s">
        <v>349</v>
      </c>
      <c r="D115" s="182"/>
      <c r="E115" s="78"/>
      <c r="F115" s="210"/>
      <c r="G115" s="209"/>
      <c r="H115" s="209"/>
      <c r="I115" s="366"/>
    </row>
    <row r="116" spans="1:9" s="95" customFormat="1" ht="9.9499999999999993" customHeight="1">
      <c r="A116" s="294"/>
      <c r="B116" s="73"/>
      <c r="C116" s="68"/>
      <c r="D116" s="89"/>
      <c r="E116" s="69"/>
      <c r="F116" s="70"/>
      <c r="G116" s="173"/>
      <c r="H116" s="179"/>
      <c r="I116" s="76"/>
    </row>
    <row r="117" spans="1:9" s="95" customFormat="1" ht="9.9499999999999993" customHeight="1">
      <c r="A117" s="294"/>
      <c r="B117" s="73"/>
      <c r="C117" s="73"/>
      <c r="D117" s="73"/>
      <c r="E117" s="74"/>
      <c r="F117" s="75"/>
      <c r="G117" s="171"/>
      <c r="H117" s="180"/>
      <c r="I117" s="193"/>
    </row>
    <row r="118" spans="1:9" s="94" customFormat="1" ht="9.9499999999999993" customHeight="1">
      <c r="A118" s="344"/>
      <c r="B118" s="77"/>
      <c r="C118" s="77"/>
      <c r="D118" s="77"/>
      <c r="E118" s="78"/>
      <c r="F118" s="79"/>
      <c r="G118" s="172"/>
      <c r="H118" s="471"/>
      <c r="I118" s="194"/>
    </row>
    <row r="119" spans="1:9" s="95" customFormat="1" ht="9.9499999999999993" customHeight="1">
      <c r="A119" s="343"/>
      <c r="B119" s="68"/>
      <c r="C119" s="68"/>
      <c r="D119" s="89"/>
      <c r="E119" s="231"/>
      <c r="F119" s="291"/>
      <c r="G119" s="212"/>
      <c r="H119" s="292"/>
      <c r="I119" s="71"/>
    </row>
    <row r="120" spans="1:9" s="95" customFormat="1" ht="9.9499999999999993" customHeight="1">
      <c r="A120" s="294"/>
      <c r="B120" s="73"/>
      <c r="C120" s="73"/>
      <c r="D120" s="73"/>
      <c r="E120" s="296"/>
      <c r="F120" s="297"/>
      <c r="G120" s="206"/>
      <c r="H120" s="103"/>
      <c r="I120" s="193"/>
    </row>
    <row r="121" spans="1:9" s="94" customFormat="1" ht="9.9499999999999993" customHeight="1">
      <c r="A121" s="588"/>
      <c r="B121" s="438"/>
      <c r="C121" s="438"/>
      <c r="D121" s="438"/>
      <c r="E121" s="578"/>
      <c r="F121" s="589"/>
      <c r="G121" s="579"/>
      <c r="H121" s="580"/>
      <c r="I121" s="590"/>
    </row>
    <row r="122" spans="1:9" s="91" customFormat="1" ht="30" customHeight="1">
      <c r="A122" s="962" t="s">
        <v>31</v>
      </c>
      <c r="B122" s="963"/>
      <c r="C122" s="963"/>
      <c r="D122" s="963"/>
      <c r="E122" s="963"/>
      <c r="F122" s="963"/>
      <c r="G122" s="963"/>
      <c r="H122" s="963"/>
      <c r="I122" s="964"/>
    </row>
    <row r="123" spans="1:9" s="90" customFormat="1" ht="30" customHeight="1">
      <c r="A123" s="116" t="s">
        <v>22</v>
      </c>
      <c r="B123" s="117" t="s">
        <v>23</v>
      </c>
      <c r="C123" s="117" t="s">
        <v>24</v>
      </c>
      <c r="D123" s="117" t="s">
        <v>25</v>
      </c>
      <c r="E123" s="117" t="s">
        <v>26</v>
      </c>
      <c r="F123" s="117" t="s">
        <v>27</v>
      </c>
      <c r="G123" s="591" t="s">
        <v>28</v>
      </c>
      <c r="H123" s="592" t="s">
        <v>29</v>
      </c>
      <c r="I123" s="118" t="s">
        <v>30</v>
      </c>
    </row>
    <row r="124" spans="1:9" s="95" customFormat="1" ht="9.9499999999999993" customHeight="1">
      <c r="A124" s="338"/>
      <c r="B124" s="306"/>
      <c r="C124" s="306"/>
      <c r="D124" s="231"/>
      <c r="E124" s="231"/>
      <c r="F124" s="356"/>
      <c r="G124" s="357"/>
      <c r="H124" s="357"/>
      <c r="I124" s="285"/>
    </row>
    <row r="125" spans="1:9" s="95" customFormat="1" ht="9.9499999999999993" customHeight="1">
      <c r="A125" s="294" t="s">
        <v>416</v>
      </c>
      <c r="B125" s="310"/>
      <c r="C125" s="310"/>
      <c r="D125" s="296"/>
      <c r="E125" s="296"/>
      <c r="F125" s="356"/>
      <c r="G125" s="361"/>
      <c r="H125" s="361"/>
      <c r="I125" s="285"/>
    </row>
    <row r="126" spans="1:9" s="94" customFormat="1" ht="9.9499999999999993" customHeight="1">
      <c r="A126" s="573"/>
      <c r="B126" s="314"/>
      <c r="C126" s="182"/>
      <c r="D126" s="182"/>
      <c r="E126" s="78"/>
      <c r="F126" s="210"/>
      <c r="G126" s="209"/>
      <c r="H126" s="209"/>
      <c r="I126" s="593"/>
    </row>
    <row r="127" spans="1:9" s="95" customFormat="1" ht="9.9499999999999993" customHeight="1">
      <c r="A127" s="343"/>
      <c r="B127" s="68"/>
      <c r="C127" s="84"/>
      <c r="D127" s="84"/>
      <c r="E127" s="211"/>
      <c r="F127" s="70"/>
      <c r="G127" s="103"/>
      <c r="H127" s="292"/>
      <c r="I127" s="193"/>
    </row>
    <row r="128" spans="1:9" s="95" customFormat="1" ht="9.9499999999999993" customHeight="1">
      <c r="A128" s="294"/>
      <c r="B128" s="73" t="s">
        <v>310</v>
      </c>
      <c r="C128" s="472"/>
      <c r="D128" s="85"/>
      <c r="E128" s="174"/>
      <c r="F128" s="75"/>
      <c r="G128" s="103"/>
      <c r="H128" s="103"/>
      <c r="I128" s="285"/>
    </row>
    <row r="129" spans="1:9" s="94" customFormat="1" ht="9.9499999999999993" customHeight="1">
      <c r="A129" s="344"/>
      <c r="B129" s="77"/>
      <c r="C129" s="473"/>
      <c r="D129" s="86"/>
      <c r="E129" s="208"/>
      <c r="F129" s="79"/>
      <c r="G129" s="101"/>
      <c r="H129" s="304"/>
      <c r="I129" s="287"/>
    </row>
    <row r="130" spans="1:9" s="95" customFormat="1" ht="9.9499999999999993" customHeight="1">
      <c r="A130" s="338"/>
      <c r="B130" s="221"/>
      <c r="C130" s="84"/>
      <c r="D130" s="84"/>
      <c r="E130" s="211"/>
      <c r="F130" s="478"/>
      <c r="G130" s="218"/>
      <c r="H130" s="102"/>
      <c r="I130" s="71"/>
    </row>
    <row r="131" spans="1:9" s="95" customFormat="1" ht="9.9499999999999993" customHeight="1">
      <c r="A131" s="294"/>
      <c r="B131" s="295"/>
      <c r="C131" s="472"/>
      <c r="D131" s="85"/>
      <c r="E131" s="174"/>
      <c r="F131" s="479"/>
      <c r="G131" s="219"/>
      <c r="H131" s="103"/>
      <c r="I131" s="193"/>
    </row>
    <row r="132" spans="1:9" s="94" customFormat="1" ht="9.9499999999999993" customHeight="1">
      <c r="A132" s="342"/>
      <c r="B132" s="301"/>
      <c r="C132" s="473" t="s">
        <v>339</v>
      </c>
      <c r="D132" s="86" t="s">
        <v>340</v>
      </c>
      <c r="E132" s="208" t="s">
        <v>341</v>
      </c>
      <c r="F132" s="566">
        <v>2.52</v>
      </c>
      <c r="G132" s="219"/>
      <c r="H132" s="304"/>
      <c r="I132" s="194"/>
    </row>
    <row r="133" spans="1:9" s="95" customFormat="1" ht="9.9499999999999993" customHeight="1">
      <c r="A133" s="352"/>
      <c r="B133" s="353"/>
      <c r="C133" s="84"/>
      <c r="D133" s="84"/>
      <c r="E133" s="211"/>
      <c r="F133" s="570"/>
      <c r="G133" s="218"/>
      <c r="H133" s="102"/>
      <c r="I133" s="71"/>
    </row>
    <row r="134" spans="1:9" s="95" customFormat="1" ht="9.9499999999999993" customHeight="1">
      <c r="A134" s="352"/>
      <c r="B134" s="358"/>
      <c r="C134" s="472"/>
      <c r="D134" s="85"/>
      <c r="E134" s="174"/>
      <c r="F134" s="571"/>
      <c r="G134" s="219"/>
      <c r="H134" s="103"/>
      <c r="I134" s="193"/>
    </row>
    <row r="135" spans="1:9" s="94" customFormat="1" ht="9.9499999999999993" customHeight="1">
      <c r="A135" s="362"/>
      <c r="B135" s="370"/>
      <c r="C135" s="473" t="s">
        <v>342</v>
      </c>
      <c r="D135" s="86"/>
      <c r="E135" s="208" t="s">
        <v>341</v>
      </c>
      <c r="F135" s="566">
        <v>2.52</v>
      </c>
      <c r="G135" s="557"/>
      <c r="H135" s="304"/>
      <c r="I135" s="194"/>
    </row>
    <row r="136" spans="1:9" s="95" customFormat="1" ht="9.9499999999999993" customHeight="1">
      <c r="A136" s="343"/>
      <c r="B136" s="221"/>
      <c r="C136" s="84"/>
      <c r="D136" s="84"/>
      <c r="E136" s="211"/>
      <c r="F136" s="70"/>
      <c r="G136" s="103"/>
      <c r="H136" s="292"/>
      <c r="I136" s="71"/>
    </row>
    <row r="137" spans="1:9" s="95" customFormat="1" ht="9.9499999999999993" customHeight="1">
      <c r="A137" s="294"/>
      <c r="B137" s="295"/>
      <c r="C137" s="472"/>
      <c r="D137" s="85"/>
      <c r="E137" s="174"/>
      <c r="F137" s="75"/>
      <c r="G137" s="103"/>
      <c r="H137" s="103"/>
      <c r="I137" s="193"/>
    </row>
    <row r="138" spans="1:9" s="94" customFormat="1" ht="9.9499999999999993" customHeight="1">
      <c r="A138" s="344"/>
      <c r="B138" s="314"/>
      <c r="C138" s="473" t="s">
        <v>343</v>
      </c>
      <c r="D138" s="86"/>
      <c r="E138" s="208" t="s">
        <v>344</v>
      </c>
      <c r="F138" s="79">
        <v>5.0000000000000001E-3</v>
      </c>
      <c r="G138" s="101"/>
      <c r="H138" s="304"/>
      <c r="I138" s="194"/>
    </row>
    <row r="139" spans="1:9" s="95" customFormat="1" ht="9.9499999999999993" customHeight="1">
      <c r="A139" s="343"/>
      <c r="B139" s="68"/>
      <c r="C139" s="221"/>
      <c r="D139" s="221"/>
      <c r="E139" s="211"/>
      <c r="F139" s="478"/>
      <c r="G139" s="218"/>
      <c r="H139" s="102"/>
      <c r="I139" s="71"/>
    </row>
    <row r="140" spans="1:9" s="95" customFormat="1" ht="9.9499999999999993" customHeight="1">
      <c r="A140" s="294"/>
      <c r="B140" s="73"/>
      <c r="C140" s="236"/>
      <c r="D140" s="237"/>
      <c r="E140" s="174"/>
      <c r="F140" s="479"/>
      <c r="G140" s="219"/>
      <c r="H140" s="103"/>
      <c r="I140" s="193"/>
    </row>
    <row r="141" spans="1:9" s="94" customFormat="1" ht="9.9499999999999993" customHeight="1">
      <c r="A141" s="344"/>
      <c r="B141" s="77"/>
      <c r="C141" s="244" t="s">
        <v>318</v>
      </c>
      <c r="D141" s="474"/>
      <c r="E141" s="208"/>
      <c r="F141" s="477"/>
      <c r="G141" s="557"/>
      <c r="H141" s="304"/>
      <c r="I141" s="194"/>
    </row>
    <row r="142" spans="1:9" s="95" customFormat="1" ht="9.9499999999999993" customHeight="1">
      <c r="A142" s="338"/>
      <c r="B142" s="221"/>
      <c r="C142" s="354"/>
      <c r="D142" s="355"/>
      <c r="E142" s="173"/>
      <c r="F142" s="173"/>
      <c r="G142" s="459"/>
      <c r="H142" s="450"/>
      <c r="I142" s="345"/>
    </row>
    <row r="143" spans="1:9" s="95" customFormat="1" ht="9.9499999999999993" customHeight="1">
      <c r="A143" s="294" t="s">
        <v>417</v>
      </c>
      <c r="B143" s="295"/>
      <c r="C143" s="359"/>
      <c r="D143" s="360"/>
      <c r="E143" s="171"/>
      <c r="F143" s="171"/>
      <c r="G143" s="460"/>
      <c r="H143" s="452"/>
      <c r="I143" s="326"/>
    </row>
    <row r="144" spans="1:9" s="94" customFormat="1" ht="9.9499999999999993" customHeight="1">
      <c r="A144" s="342"/>
      <c r="B144" s="301"/>
      <c r="C144" s="458"/>
      <c r="D144" s="364"/>
      <c r="E144" s="461"/>
      <c r="F144" s="461"/>
      <c r="G144" s="462"/>
      <c r="H144" s="444"/>
      <c r="I144" s="351"/>
    </row>
    <row r="145" spans="1:12" s="95" customFormat="1" ht="9.9499999999999993" customHeight="1">
      <c r="A145" s="343"/>
      <c r="B145" s="306"/>
      <c r="C145" s="454"/>
      <c r="D145" s="455"/>
      <c r="E145" s="454"/>
      <c r="F145" s="455"/>
      <c r="G145" s="454"/>
      <c r="H145" s="455"/>
      <c r="I145" s="345"/>
    </row>
    <row r="146" spans="1:12" s="95" customFormat="1" ht="9.9499999999999993" customHeight="1">
      <c r="A146" s="294"/>
      <c r="B146" s="310" t="s">
        <v>313</v>
      </c>
      <c r="C146" s="454"/>
      <c r="D146" s="456"/>
      <c r="E146" s="454"/>
      <c r="F146" s="456"/>
      <c r="G146" s="454"/>
      <c r="H146" s="456"/>
      <c r="I146" s="326"/>
    </row>
    <row r="147" spans="1:12" s="94" customFormat="1" ht="9.9499999999999993" customHeight="1">
      <c r="A147" s="344"/>
      <c r="B147" s="453"/>
      <c r="C147" s="457"/>
      <c r="D147" s="363"/>
      <c r="E147" s="457"/>
      <c r="F147" s="363"/>
      <c r="G147" s="457"/>
      <c r="H147" s="363"/>
      <c r="I147" s="351"/>
    </row>
    <row r="148" spans="1:12" s="95" customFormat="1" ht="9.9499999999999993" customHeight="1">
      <c r="A148" s="343"/>
      <c r="B148" s="306"/>
      <c r="C148" s="68"/>
      <c r="D148" s="89"/>
      <c r="E148" s="69"/>
      <c r="F148" s="356"/>
      <c r="G148" s="575"/>
      <c r="H148" s="102"/>
      <c r="I148" s="285"/>
    </row>
    <row r="149" spans="1:12" s="95" customFormat="1" ht="9.9499999999999993" customHeight="1">
      <c r="A149" s="294"/>
      <c r="B149" s="310"/>
      <c r="C149" s="73"/>
      <c r="D149" s="73"/>
      <c r="E149" s="74"/>
      <c r="F149" s="356"/>
      <c r="G149" s="336"/>
      <c r="H149" s="340"/>
      <c r="I149" s="285"/>
    </row>
    <row r="150" spans="1:12" s="94" customFormat="1" ht="9.9499999999999993" customHeight="1">
      <c r="A150" s="344"/>
      <c r="B150" s="453"/>
      <c r="C150" s="77" t="s">
        <v>395</v>
      </c>
      <c r="D150" s="77" t="s">
        <v>396</v>
      </c>
      <c r="E150" s="78" t="s">
        <v>397</v>
      </c>
      <c r="F150" s="483">
        <v>5.54</v>
      </c>
      <c r="G150" s="348"/>
      <c r="H150" s="181"/>
      <c r="I150" s="287"/>
    </row>
    <row r="151" spans="1:12" s="95" customFormat="1" ht="9.9499999999999993" customHeight="1">
      <c r="A151" s="343"/>
      <c r="B151" s="221"/>
      <c r="C151" s="221"/>
      <c r="D151" s="350"/>
      <c r="E151" s="231"/>
      <c r="F151" s="356"/>
      <c r="G151" s="336"/>
      <c r="H151" s="102"/>
      <c r="I151" s="594"/>
      <c r="L151" s="466"/>
    </row>
    <row r="152" spans="1:12" s="95" customFormat="1" ht="9.9499999999999993" customHeight="1">
      <c r="A152" s="294"/>
      <c r="B152" s="295"/>
      <c r="C152" s="295"/>
      <c r="D152" s="327"/>
      <c r="E152" s="296"/>
      <c r="F152" s="356"/>
      <c r="G152" s="336"/>
      <c r="H152" s="340"/>
      <c r="I152" s="285"/>
    </row>
    <row r="153" spans="1:12" s="94" customFormat="1" ht="9.9499999999999993" customHeight="1">
      <c r="A153" s="465"/>
      <c r="B153" s="314"/>
      <c r="C153" s="301" t="s">
        <v>313</v>
      </c>
      <c r="D153" s="301" t="s">
        <v>398</v>
      </c>
      <c r="E153" s="315" t="s">
        <v>397</v>
      </c>
      <c r="F153" s="483">
        <v>2.2799999999999998</v>
      </c>
      <c r="G153" s="348"/>
      <c r="H153" s="181"/>
      <c r="I153" s="593"/>
    </row>
    <row r="154" spans="1:12" s="95" customFormat="1" ht="9.9499999999999993" customHeight="1">
      <c r="A154" s="343"/>
      <c r="B154" s="221"/>
      <c r="C154" s="221"/>
      <c r="D154" s="350"/>
      <c r="E154" s="231"/>
      <c r="F154" s="356"/>
      <c r="G154" s="336"/>
      <c r="H154" s="102"/>
      <c r="I154" s="285"/>
    </row>
    <row r="155" spans="1:12" s="95" customFormat="1" ht="9.9499999999999993" customHeight="1">
      <c r="A155" s="294"/>
      <c r="B155" s="295"/>
      <c r="C155" s="295"/>
      <c r="D155" s="327"/>
      <c r="E155" s="296"/>
      <c r="F155" s="356"/>
      <c r="G155" s="336"/>
      <c r="H155" s="340"/>
      <c r="I155" s="285"/>
    </row>
    <row r="156" spans="1:12" s="94" customFormat="1" ht="9.9499999999999993" customHeight="1">
      <c r="A156" s="344"/>
      <c r="B156" s="314"/>
      <c r="C156" s="301" t="s">
        <v>313</v>
      </c>
      <c r="D156" s="301" t="s">
        <v>418</v>
      </c>
      <c r="E156" s="315" t="s">
        <v>347</v>
      </c>
      <c r="F156" s="483">
        <v>0.46</v>
      </c>
      <c r="G156" s="348"/>
      <c r="H156" s="181"/>
      <c r="I156" s="593"/>
    </row>
    <row r="157" spans="1:12" s="95" customFormat="1" ht="9.9499999999999993" customHeight="1">
      <c r="A157" s="343"/>
      <c r="B157" s="68"/>
      <c r="C157" s="68"/>
      <c r="D157" s="89"/>
      <c r="E157" s="69"/>
      <c r="F157" s="70"/>
      <c r="G157" s="173"/>
      <c r="H157" s="179"/>
      <c r="I157" s="285"/>
    </row>
    <row r="158" spans="1:12" s="95" customFormat="1" ht="9.9499999999999993" customHeight="1">
      <c r="A158" s="294"/>
      <c r="B158" s="73"/>
      <c r="C158" s="73"/>
      <c r="D158" s="73"/>
      <c r="E158" s="74"/>
      <c r="F158" s="75"/>
      <c r="G158" s="171"/>
      <c r="H158" s="180"/>
      <c r="I158" s="285"/>
    </row>
    <row r="159" spans="1:12" s="94" customFormat="1" ht="9.9499999999999993" customHeight="1">
      <c r="A159" s="344"/>
      <c r="B159" s="77"/>
      <c r="C159" s="77" t="s">
        <v>313</v>
      </c>
      <c r="D159" s="77" t="s">
        <v>380</v>
      </c>
      <c r="E159" s="78" t="s">
        <v>347</v>
      </c>
      <c r="F159" s="79">
        <v>0.55000000000000004</v>
      </c>
      <c r="G159" s="172"/>
      <c r="H159" s="181"/>
      <c r="I159" s="287"/>
    </row>
    <row r="160" spans="1:12" s="95" customFormat="1" ht="9.75" customHeight="1">
      <c r="A160" s="338"/>
      <c r="B160" s="221"/>
      <c r="C160" s="221"/>
      <c r="D160" s="350"/>
      <c r="E160" s="231"/>
      <c r="F160" s="335"/>
      <c r="G160" s="336"/>
      <c r="H160" s="102"/>
      <c r="I160" s="594"/>
    </row>
    <row r="161" spans="1:13" s="95" customFormat="1" ht="9.75" customHeight="1">
      <c r="A161" s="294"/>
      <c r="B161" s="295"/>
      <c r="C161" s="295"/>
      <c r="D161" s="327"/>
      <c r="E161" s="296"/>
      <c r="F161" s="297"/>
      <c r="G161" s="336"/>
      <c r="H161" s="340"/>
      <c r="I161" s="285"/>
    </row>
    <row r="162" spans="1:13" s="94" customFormat="1" ht="9.9499999999999993" customHeight="1">
      <c r="A162" s="576"/>
      <c r="B162" s="577"/>
      <c r="C162" s="577" t="s">
        <v>349</v>
      </c>
      <c r="D162" s="577"/>
      <c r="E162" s="578"/>
      <c r="F162" s="579"/>
      <c r="G162" s="579"/>
      <c r="H162" s="580"/>
      <c r="I162" s="595"/>
    </row>
    <row r="163" spans="1:13" s="96" customFormat="1" ht="30" customHeight="1">
      <c r="A163" s="854"/>
      <c r="B163" s="852"/>
      <c r="C163" s="852"/>
      <c r="D163" s="852"/>
      <c r="E163" s="852"/>
      <c r="F163" s="852"/>
      <c r="G163" s="852"/>
      <c r="H163" s="853"/>
      <c r="I163" s="852"/>
      <c r="J163" s="850"/>
    </row>
    <row r="164" spans="1:13" s="95" customFormat="1" ht="9.9499999999999993" customHeight="1">
      <c r="A164" s="284"/>
      <c r="B164" s="284"/>
      <c r="C164" s="284"/>
      <c r="D164" s="284"/>
      <c r="E164" s="284"/>
      <c r="F164" s="284"/>
      <c r="G164" s="284"/>
      <c r="H164" s="284"/>
      <c r="I164" s="834"/>
      <c r="J164" s="284"/>
      <c r="K164" s="284"/>
      <c r="L164" s="284"/>
      <c r="M164" s="284"/>
    </row>
    <row r="165" spans="1:13" s="95" customFormat="1" ht="9.9499999999999993" customHeight="1">
      <c r="A165" s="284"/>
      <c r="B165" s="284"/>
      <c r="C165" s="284"/>
      <c r="D165" s="284"/>
      <c r="E165" s="284"/>
      <c r="F165" s="284"/>
      <c r="G165" s="284"/>
      <c r="H165" s="284"/>
      <c r="I165" s="284"/>
      <c r="J165" s="284"/>
      <c r="K165" s="284"/>
      <c r="L165" s="284"/>
      <c r="M165" s="284"/>
    </row>
    <row r="166" spans="1:13" s="94" customFormat="1" ht="9.9499999999999993" customHeight="1">
      <c r="A166" s="286"/>
      <c r="B166" s="286"/>
      <c r="C166" s="286"/>
      <c r="D166" s="286"/>
      <c r="E166" s="286"/>
      <c r="F166" s="286"/>
      <c r="G166" s="286"/>
      <c r="H166" s="286"/>
      <c r="I166" s="286"/>
      <c r="J166" s="286"/>
      <c r="K166" s="286"/>
      <c r="L166" s="286"/>
      <c r="M166" s="286"/>
    </row>
    <row r="167" spans="1:13" s="95" customFormat="1" ht="9.9499999999999993" customHeight="1">
      <c r="A167" s="284"/>
      <c r="B167" s="284"/>
      <c r="C167" s="284"/>
      <c r="D167" s="284"/>
      <c r="E167" s="284"/>
      <c r="F167" s="284"/>
      <c r="G167" s="284"/>
      <c r="H167" s="284"/>
      <c r="I167" s="284"/>
      <c r="J167" s="284"/>
      <c r="K167" s="284"/>
      <c r="L167" s="284"/>
      <c r="M167" s="284"/>
    </row>
    <row r="168" spans="1:13" s="95" customFormat="1" ht="9.9499999999999993" customHeight="1">
      <c r="A168" s="284"/>
      <c r="B168" s="284"/>
      <c r="C168" s="284"/>
      <c r="D168" s="284"/>
      <c r="E168" s="284"/>
      <c r="F168" s="284"/>
      <c r="G168" s="284"/>
      <c r="H168" s="284"/>
      <c r="I168" s="284"/>
      <c r="J168" s="284"/>
      <c r="K168" s="284"/>
      <c r="L168" s="284"/>
      <c r="M168" s="284"/>
    </row>
    <row r="169" spans="1:13" s="94" customFormat="1" ht="9.9499999999999993" customHeight="1">
      <c r="A169" s="286"/>
      <c r="B169" s="286"/>
      <c r="C169" s="286"/>
      <c r="D169" s="286"/>
      <c r="E169" s="286"/>
      <c r="F169" s="286"/>
      <c r="G169" s="286"/>
      <c r="H169" s="286"/>
      <c r="I169" s="286"/>
      <c r="J169" s="286"/>
      <c r="K169" s="286"/>
      <c r="L169" s="286"/>
      <c r="M169" s="286"/>
    </row>
    <row r="170" spans="1:13" s="95" customFormat="1" ht="9.9499999999999993" customHeight="1">
      <c r="A170" s="284"/>
      <c r="B170" s="284"/>
      <c r="C170" s="284"/>
      <c r="D170" s="284"/>
      <c r="E170" s="284"/>
      <c r="F170" s="284"/>
      <c r="G170" s="284"/>
      <c r="H170" s="284"/>
      <c r="I170" s="284"/>
      <c r="J170" s="284"/>
      <c r="K170" s="284"/>
      <c r="L170" s="543"/>
      <c r="M170" s="284"/>
    </row>
    <row r="171" spans="1:13" s="95" customFormat="1" ht="9.9499999999999993" customHeight="1">
      <c r="A171" s="284"/>
      <c r="B171" s="284"/>
      <c r="C171" s="284"/>
      <c r="D171" s="284"/>
      <c r="E171" s="284"/>
      <c r="F171" s="284"/>
      <c r="G171" s="284"/>
      <c r="H171" s="284"/>
      <c r="I171" s="284"/>
      <c r="J171" s="284"/>
      <c r="K171" s="284"/>
      <c r="L171" s="543"/>
      <c r="M171" s="284"/>
    </row>
    <row r="172" spans="1:13" s="94" customFormat="1" ht="9.9499999999999993" customHeight="1">
      <c r="A172" s="286"/>
      <c r="B172" s="286"/>
      <c r="C172" s="286"/>
      <c r="D172" s="286"/>
      <c r="E172" s="286"/>
      <c r="F172" s="286"/>
      <c r="G172" s="286"/>
      <c r="H172" s="286"/>
      <c r="I172" s="286"/>
      <c r="J172" s="286"/>
      <c r="K172" s="286"/>
      <c r="L172" s="544"/>
      <c r="M172" s="286"/>
    </row>
    <row r="173" spans="1:13" s="95" customFormat="1" ht="9.9499999999999993" customHeight="1">
      <c r="A173" s="284"/>
      <c r="B173" s="284"/>
      <c r="C173" s="284"/>
      <c r="D173" s="284"/>
      <c r="E173" s="284"/>
      <c r="F173" s="284"/>
      <c r="G173" s="284"/>
      <c r="H173" s="284"/>
      <c r="I173" s="284"/>
      <c r="J173" s="284"/>
      <c r="K173" s="286"/>
      <c r="L173" s="543"/>
      <c r="M173" s="286"/>
    </row>
    <row r="174" spans="1:13" s="95" customFormat="1" ht="9.9499999999999993" customHeight="1">
      <c r="A174" s="284"/>
      <c r="B174" s="284"/>
      <c r="C174" s="284"/>
      <c r="D174" s="284"/>
      <c r="E174" s="284"/>
      <c r="F174" s="284"/>
      <c r="G174" s="284"/>
      <c r="H174" s="284"/>
      <c r="I174" s="284"/>
      <c r="J174" s="284"/>
      <c r="K174" s="286"/>
      <c r="L174" s="543"/>
      <c r="M174" s="286"/>
    </row>
    <row r="175" spans="1:13" s="94" customFormat="1" ht="9.9499999999999993" customHeight="1">
      <c r="A175" s="286"/>
      <c r="B175" s="286"/>
      <c r="C175" s="286"/>
      <c r="D175" s="286"/>
      <c r="E175" s="286"/>
      <c r="F175" s="286"/>
      <c r="G175" s="286"/>
      <c r="H175" s="286"/>
      <c r="I175" s="286"/>
      <c r="J175" s="286"/>
      <c r="K175" s="286"/>
      <c r="L175" s="544"/>
      <c r="M175" s="286"/>
    </row>
    <row r="176" spans="1:13" s="95" customFormat="1" ht="9.9499999999999993" customHeight="1">
      <c r="A176" s="284"/>
      <c r="B176" s="284"/>
      <c r="C176" s="284"/>
      <c r="D176" s="284"/>
      <c r="E176" s="284"/>
      <c r="F176" s="284"/>
      <c r="G176" s="284"/>
      <c r="H176" s="284"/>
      <c r="I176" s="284"/>
      <c r="J176" s="284"/>
      <c r="K176" s="286"/>
      <c r="L176" s="543"/>
      <c r="M176" s="286"/>
    </row>
    <row r="177" spans="1:13" s="95" customFormat="1" ht="9.9499999999999993" customHeight="1">
      <c r="A177" s="284"/>
      <c r="B177" s="284"/>
      <c r="C177" s="284"/>
      <c r="D177" s="284"/>
      <c r="E177" s="284"/>
      <c r="F177" s="284"/>
      <c r="G177" s="284"/>
      <c r="H177" s="284"/>
      <c r="I177" s="284"/>
      <c r="J177" s="284"/>
      <c r="K177" s="286"/>
      <c r="L177" s="543"/>
      <c r="M177" s="286"/>
    </row>
    <row r="178" spans="1:13" s="94" customFormat="1" ht="9.9499999999999993" customHeight="1">
      <c r="A178" s="286"/>
      <c r="B178" s="286"/>
      <c r="C178" s="286"/>
      <c r="D178" s="286"/>
      <c r="E178" s="286"/>
      <c r="F178" s="286"/>
      <c r="G178" s="286"/>
      <c r="H178" s="286"/>
      <c r="I178" s="286"/>
      <c r="J178" s="286"/>
      <c r="K178" s="286"/>
      <c r="L178" s="544"/>
      <c r="M178" s="286"/>
    </row>
    <row r="179" spans="1:13" s="95" customFormat="1" ht="9.9499999999999993" customHeight="1">
      <c r="A179" s="763"/>
      <c r="B179" s="284"/>
      <c r="C179" s="284"/>
      <c r="D179" s="284"/>
      <c r="E179" s="284"/>
      <c r="F179" s="284"/>
      <c r="G179" s="284"/>
      <c r="H179" s="284"/>
      <c r="I179" s="284"/>
      <c r="J179" s="284"/>
      <c r="K179" s="286"/>
      <c r="L179" s="543"/>
      <c r="M179" s="286"/>
    </row>
    <row r="180" spans="1:13" s="95" customFormat="1" ht="9.9499999999999993" customHeight="1">
      <c r="A180" s="763"/>
      <c r="B180" s="284"/>
      <c r="C180" s="284"/>
      <c r="D180" s="284"/>
      <c r="E180" s="284"/>
      <c r="F180" s="284"/>
      <c r="G180" s="284"/>
      <c r="H180" s="284"/>
      <c r="I180" s="284"/>
      <c r="J180" s="284"/>
      <c r="K180" s="286"/>
      <c r="L180" s="543"/>
      <c r="M180" s="286"/>
    </row>
    <row r="181" spans="1:13" s="94" customFormat="1" ht="9.9499999999999993" customHeight="1">
      <c r="A181" s="781"/>
      <c r="B181" s="286"/>
      <c r="C181" s="286"/>
      <c r="D181" s="286"/>
      <c r="E181" s="286"/>
      <c r="F181" s="286"/>
      <c r="G181" s="286"/>
      <c r="H181" s="286"/>
      <c r="I181" s="286"/>
      <c r="J181" s="286"/>
      <c r="K181" s="286"/>
      <c r="L181" s="544"/>
      <c r="M181" s="286"/>
    </row>
    <row r="182" spans="1:13" s="95" customFormat="1" ht="9.9499999999999993" customHeight="1">
      <c r="A182" s="790"/>
      <c r="B182" s="284"/>
      <c r="C182" s="284"/>
      <c r="D182" s="284"/>
      <c r="E182" s="284"/>
      <c r="F182" s="284"/>
      <c r="G182" s="284"/>
      <c r="H182" s="284"/>
      <c r="I182" s="284"/>
      <c r="J182" s="284"/>
      <c r="K182" s="284"/>
      <c r="L182" s="543"/>
      <c r="M182" s="286"/>
    </row>
    <row r="183" spans="1:13" s="95" customFormat="1" ht="9.9499999999999993" customHeight="1">
      <c r="A183" s="790"/>
      <c r="B183" s="284"/>
      <c r="C183" s="284"/>
      <c r="D183" s="284"/>
      <c r="E183" s="284"/>
      <c r="F183" s="284"/>
      <c r="G183" s="284"/>
      <c r="H183" s="284"/>
      <c r="I183" s="284"/>
      <c r="J183" s="284"/>
      <c r="K183" s="284"/>
      <c r="L183" s="543"/>
      <c r="M183" s="284"/>
    </row>
    <row r="184" spans="1:13" s="94" customFormat="1" ht="9.9499999999999993" customHeight="1">
      <c r="A184" s="772"/>
      <c r="B184" s="286"/>
      <c r="C184" s="286"/>
      <c r="D184" s="286"/>
      <c r="E184" s="286"/>
      <c r="F184" s="286"/>
      <c r="G184" s="286"/>
      <c r="H184" s="286"/>
      <c r="I184" s="286"/>
      <c r="J184" s="286"/>
      <c r="K184" s="286"/>
      <c r="L184" s="544"/>
      <c r="M184" s="286"/>
    </row>
    <row r="185" spans="1:13" s="95" customFormat="1" ht="9.9499999999999993" customHeight="1">
      <c r="A185" s="790"/>
      <c r="B185" s="284"/>
      <c r="C185" s="284"/>
      <c r="D185" s="284"/>
      <c r="E185" s="284"/>
      <c r="F185" s="284"/>
      <c r="G185" s="284"/>
      <c r="H185" s="284"/>
      <c r="I185" s="284"/>
      <c r="J185" s="284"/>
      <c r="K185" s="284"/>
      <c r="L185" s="284"/>
      <c r="M185" s="284"/>
    </row>
    <row r="186" spans="1:13" s="95" customFormat="1" ht="9.9499999999999993" customHeight="1">
      <c r="A186" s="790"/>
      <c r="B186" s="790"/>
      <c r="C186" s="780"/>
      <c r="D186" s="777"/>
      <c r="E186" s="778"/>
      <c r="F186" s="793"/>
      <c r="G186" s="795"/>
      <c r="H186" s="564"/>
      <c r="I186" s="284"/>
      <c r="J186" s="284"/>
      <c r="K186" s="284"/>
      <c r="L186" s="284"/>
      <c r="M186" s="284"/>
    </row>
    <row r="187" spans="1:13" s="94" customFormat="1" ht="9.9499999999999993" customHeight="1">
      <c r="A187" s="772"/>
      <c r="B187" s="772"/>
      <c r="C187" s="780"/>
      <c r="D187" s="782"/>
      <c r="E187" s="783"/>
      <c r="F187" s="793"/>
      <c r="G187" s="795"/>
      <c r="H187" s="786"/>
      <c r="I187" s="787"/>
      <c r="J187" s="286"/>
      <c r="K187" s="286"/>
      <c r="L187" s="286"/>
      <c r="M187" s="286"/>
    </row>
    <row r="188" spans="1:13" s="95" customFormat="1" ht="9.9499999999999993" customHeight="1">
      <c r="A188" s="790"/>
      <c r="B188" s="790"/>
      <c r="C188" s="777"/>
      <c r="D188" s="777"/>
      <c r="E188" s="778"/>
      <c r="F188" s="792"/>
      <c r="G188" s="794"/>
      <c r="H188" s="564"/>
      <c r="I188" s="762"/>
      <c r="J188" s="284"/>
      <c r="K188" s="284"/>
      <c r="L188" s="284"/>
      <c r="M188" s="284"/>
    </row>
    <row r="189" spans="1:13" s="95" customFormat="1" ht="9.9499999999999993" customHeight="1">
      <c r="A189" s="790"/>
      <c r="B189" s="790"/>
      <c r="C189" s="780"/>
      <c r="D189" s="777"/>
      <c r="E189" s="778"/>
      <c r="F189" s="793"/>
      <c r="G189" s="795"/>
      <c r="H189" s="564"/>
      <c r="I189" s="284"/>
      <c r="J189" s="284"/>
      <c r="K189" s="284"/>
      <c r="L189" s="284"/>
      <c r="M189" s="284"/>
    </row>
    <row r="190" spans="1:13" s="94" customFormat="1" ht="9.9499999999999993" customHeight="1">
      <c r="A190" s="772"/>
      <c r="B190" s="790"/>
      <c r="C190" s="780"/>
      <c r="D190" s="782"/>
      <c r="E190" s="783"/>
      <c r="F190" s="793"/>
      <c r="G190" s="795"/>
      <c r="H190" s="786"/>
      <c r="I190" s="787"/>
      <c r="J190" s="286"/>
      <c r="K190" s="286"/>
      <c r="L190" s="286"/>
      <c r="M190" s="286"/>
    </row>
    <row r="191" spans="1:13" s="95" customFormat="1" ht="9.9499999999999993" customHeight="1">
      <c r="A191" s="796"/>
      <c r="B191" s="796"/>
      <c r="C191" s="756"/>
      <c r="D191" s="756"/>
      <c r="E191" s="778"/>
      <c r="F191" s="792"/>
      <c r="G191" s="794"/>
      <c r="H191" s="564"/>
      <c r="I191" s="762"/>
      <c r="J191" s="284"/>
      <c r="K191" s="284"/>
      <c r="L191" s="284"/>
      <c r="M191" s="284"/>
    </row>
    <row r="192" spans="1:13" s="95" customFormat="1" ht="9.9499999999999993" customHeight="1">
      <c r="A192" s="796"/>
      <c r="B192" s="796"/>
      <c r="C192" s="797"/>
      <c r="D192" s="798"/>
      <c r="E192" s="778"/>
      <c r="F192" s="793"/>
      <c r="G192" s="795"/>
      <c r="H192" s="564"/>
      <c r="I192" s="284"/>
      <c r="J192" s="284"/>
      <c r="K192" s="284"/>
      <c r="L192" s="284"/>
      <c r="M192" s="284"/>
    </row>
    <row r="193" spans="1:13" s="94" customFormat="1" ht="9.9499999999999993" customHeight="1">
      <c r="A193" s="799"/>
      <c r="B193" s="799"/>
      <c r="C193" s="800"/>
      <c r="D193" s="801"/>
      <c r="E193" s="783"/>
      <c r="F193" s="793"/>
      <c r="G193" s="795"/>
      <c r="H193" s="786"/>
      <c r="I193" s="787"/>
      <c r="J193" s="286"/>
      <c r="K193" s="286"/>
      <c r="L193" s="286"/>
      <c r="M193" s="286"/>
    </row>
    <row r="194" spans="1:13" s="95" customFormat="1" ht="9.9499999999999993" customHeight="1">
      <c r="A194" s="796"/>
      <c r="B194" s="796"/>
      <c r="C194" s="790"/>
      <c r="D194" s="772"/>
      <c r="E194" s="762"/>
      <c r="F194" s="694"/>
      <c r="G194" s="759"/>
      <c r="H194" s="802"/>
      <c r="I194" s="803"/>
      <c r="J194" s="284"/>
      <c r="K194" s="284"/>
      <c r="L194" s="284"/>
      <c r="M194" s="284"/>
    </row>
    <row r="195" spans="1:13" s="95" customFormat="1" ht="9.9499999999999993" customHeight="1">
      <c r="A195" s="796"/>
      <c r="B195" s="796"/>
      <c r="C195" s="790"/>
      <c r="D195" s="790"/>
      <c r="E195" s="762"/>
      <c r="F195" s="694"/>
      <c r="G195" s="759"/>
      <c r="H195" s="804"/>
      <c r="I195" s="805"/>
      <c r="J195" s="284"/>
      <c r="K195" s="284"/>
      <c r="L195" s="284"/>
      <c r="M195" s="284"/>
    </row>
    <row r="196" spans="1:13" s="94" customFormat="1" ht="9.9499999999999993" customHeight="1">
      <c r="A196" s="799"/>
      <c r="B196" s="799"/>
      <c r="C196" s="772"/>
      <c r="D196" s="772"/>
      <c r="E196" s="776"/>
      <c r="F196" s="791"/>
      <c r="G196" s="806"/>
      <c r="H196" s="807"/>
      <c r="I196" s="808"/>
      <c r="J196" s="286"/>
      <c r="K196" s="286"/>
      <c r="L196" s="286"/>
      <c r="M196" s="286"/>
    </row>
    <row r="197" spans="1:13" s="95" customFormat="1" ht="9.9499999999999993" customHeight="1">
      <c r="A197" s="796"/>
      <c r="B197" s="796"/>
      <c r="C197" s="796"/>
      <c r="D197" s="805"/>
      <c r="E197" s="805"/>
      <c r="F197" s="809"/>
      <c r="G197" s="810"/>
      <c r="H197" s="811"/>
      <c r="I197" s="812"/>
      <c r="J197" s="284"/>
      <c r="K197" s="284"/>
      <c r="L197" s="284"/>
      <c r="M197" s="284"/>
    </row>
    <row r="198" spans="1:13" s="95" customFormat="1" ht="9.9499999999999993" customHeight="1">
      <c r="A198" s="796"/>
      <c r="B198" s="796"/>
      <c r="C198" s="796"/>
      <c r="D198" s="805"/>
      <c r="E198" s="805"/>
      <c r="F198" s="809"/>
      <c r="G198" s="810"/>
      <c r="H198" s="813"/>
      <c r="I198" s="805"/>
      <c r="J198" s="284"/>
      <c r="K198" s="284"/>
      <c r="L198" s="284"/>
      <c r="M198" s="284"/>
    </row>
    <row r="199" spans="1:13" s="94" customFormat="1" ht="9.9499999999999993" customHeight="1">
      <c r="A199" s="799"/>
      <c r="B199" s="799"/>
      <c r="C199" s="796"/>
      <c r="D199" s="799"/>
      <c r="E199" s="814"/>
      <c r="F199" s="815"/>
      <c r="G199" s="816"/>
      <c r="H199" s="817"/>
      <c r="I199" s="808"/>
      <c r="J199" s="286"/>
      <c r="K199" s="286"/>
      <c r="L199" s="286"/>
      <c r="M199" s="286"/>
    </row>
    <row r="200" spans="1:13" s="95" customFormat="1" ht="9.9499999999999993" customHeight="1">
      <c r="A200" s="796"/>
      <c r="B200" s="796"/>
      <c r="C200" s="796"/>
      <c r="D200" s="796"/>
      <c r="E200" s="805"/>
      <c r="F200" s="809"/>
      <c r="G200" s="818"/>
      <c r="H200" s="818"/>
      <c r="I200" s="805"/>
      <c r="J200" s="284"/>
      <c r="K200" s="284"/>
      <c r="L200" s="284"/>
      <c r="M200" s="284"/>
    </row>
    <row r="201" spans="1:13" s="95" customFormat="1" ht="9.9499999999999993" customHeight="1">
      <c r="A201" s="796"/>
      <c r="B201" s="796"/>
      <c r="C201" s="796"/>
      <c r="D201" s="796"/>
      <c r="E201" s="805"/>
      <c r="F201" s="809"/>
      <c r="G201" s="818"/>
      <c r="H201" s="818"/>
      <c r="I201" s="805"/>
      <c r="J201" s="284"/>
      <c r="K201" s="284"/>
      <c r="L201" s="284"/>
      <c r="M201" s="284"/>
    </row>
    <row r="202" spans="1:13" s="94" customFormat="1" ht="9.9499999999999993" customHeight="1">
      <c r="A202" s="799"/>
      <c r="B202" s="799"/>
      <c r="C202" s="796"/>
      <c r="D202" s="799"/>
      <c r="E202" s="814"/>
      <c r="F202" s="819"/>
      <c r="G202" s="820"/>
      <c r="H202" s="821"/>
      <c r="I202" s="814"/>
      <c r="J202" s="286"/>
      <c r="K202" s="286"/>
      <c r="L202" s="286"/>
      <c r="M202" s="286"/>
    </row>
    <row r="203" spans="1:13" s="91" customFormat="1" ht="30" customHeight="1">
      <c r="A203" s="965"/>
      <c r="B203" s="965"/>
      <c r="C203" s="965"/>
      <c r="D203" s="965"/>
      <c r="E203" s="965"/>
      <c r="F203" s="965"/>
      <c r="G203" s="965"/>
      <c r="H203" s="965"/>
      <c r="I203" s="965"/>
      <c r="J203" s="822"/>
      <c r="K203" s="822"/>
      <c r="L203" s="822"/>
      <c r="M203" s="822"/>
    </row>
    <row r="204" spans="1:13" s="90" customFormat="1" ht="30" customHeight="1">
      <c r="A204" s="823"/>
      <c r="B204" s="823"/>
      <c r="C204" s="823"/>
      <c r="D204" s="823"/>
      <c r="E204" s="823"/>
      <c r="F204" s="823"/>
      <c r="G204" s="824"/>
      <c r="H204" s="825"/>
      <c r="I204" s="823"/>
      <c r="J204" s="826"/>
      <c r="K204" s="826"/>
      <c r="L204" s="826"/>
      <c r="M204" s="826"/>
    </row>
    <row r="205" spans="1:13" s="95" customFormat="1" ht="9.9499999999999993" customHeight="1">
      <c r="A205" s="284"/>
      <c r="B205" s="284"/>
      <c r="C205" s="284"/>
      <c r="D205" s="284"/>
      <c r="E205" s="284"/>
      <c r="F205" s="284"/>
      <c r="G205" s="284"/>
      <c r="H205" s="284"/>
      <c r="I205" s="762"/>
      <c r="J205" s="284"/>
      <c r="K205" s="284"/>
      <c r="L205" s="284"/>
      <c r="M205" s="284"/>
    </row>
    <row r="206" spans="1:13" s="95" customFormat="1" ht="9.9499999999999993" customHeight="1">
      <c r="A206" s="284"/>
      <c r="B206" s="284"/>
      <c r="C206" s="284"/>
      <c r="D206" s="284"/>
      <c r="E206" s="284"/>
      <c r="F206" s="284"/>
      <c r="G206" s="284"/>
      <c r="H206" s="284"/>
      <c r="I206" s="762"/>
      <c r="J206" s="284"/>
      <c r="K206" s="284"/>
      <c r="L206" s="284"/>
      <c r="M206" s="284"/>
    </row>
    <row r="207" spans="1:13" s="94" customFormat="1" ht="9.9499999999999993" customHeight="1">
      <c r="A207" s="286"/>
      <c r="B207" s="286"/>
      <c r="C207" s="286"/>
      <c r="D207" s="286"/>
      <c r="E207" s="286"/>
      <c r="F207" s="286"/>
      <c r="G207" s="286"/>
      <c r="H207" s="286"/>
      <c r="I207" s="772"/>
      <c r="J207" s="286"/>
      <c r="K207" s="286"/>
      <c r="L207" s="286"/>
      <c r="M207" s="286"/>
    </row>
    <row r="208" spans="1:13" s="95" customFormat="1" ht="9.9499999999999993" customHeight="1">
      <c r="A208" s="284"/>
      <c r="B208" s="284"/>
      <c r="C208" s="284"/>
      <c r="D208" s="284"/>
      <c r="E208" s="284"/>
      <c r="F208" s="284"/>
      <c r="G208" s="284"/>
      <c r="H208" s="284"/>
      <c r="I208" s="762"/>
      <c r="J208" s="284"/>
      <c r="K208" s="284"/>
      <c r="L208" s="284"/>
      <c r="M208" s="284"/>
    </row>
    <row r="209" spans="1:13" s="95" customFormat="1" ht="9.9499999999999993" customHeight="1">
      <c r="A209" s="284"/>
      <c r="B209" s="284"/>
      <c r="C209" s="284"/>
      <c r="D209" s="284"/>
      <c r="E209" s="284"/>
      <c r="F209" s="284"/>
      <c r="G209" s="284"/>
      <c r="H209" s="284"/>
      <c r="I209" s="762"/>
      <c r="J209" s="284"/>
      <c r="K209" s="284"/>
      <c r="L209" s="284"/>
      <c r="M209" s="284"/>
    </row>
    <row r="210" spans="1:13" s="94" customFormat="1" ht="9.9499999999999993" customHeight="1">
      <c r="A210" s="286"/>
      <c r="B210" s="286"/>
      <c r="C210" s="286"/>
      <c r="D210" s="286"/>
      <c r="E210" s="286"/>
      <c r="F210" s="286"/>
      <c r="G210" s="286"/>
      <c r="H210" s="286"/>
      <c r="I210" s="776"/>
      <c r="J210" s="286"/>
      <c r="K210" s="286"/>
      <c r="L210" s="286"/>
      <c r="M210" s="286"/>
    </row>
    <row r="211" spans="1:13" s="95" customFormat="1" ht="9.9499999999999993" customHeight="1">
      <c r="A211" s="284"/>
      <c r="B211" s="284"/>
      <c r="C211" s="284"/>
      <c r="D211" s="284"/>
      <c r="E211" s="284"/>
      <c r="F211" s="284"/>
      <c r="G211" s="284"/>
      <c r="H211" s="284"/>
      <c r="I211" s="762"/>
      <c r="J211" s="284"/>
      <c r="K211" s="284"/>
      <c r="L211" s="284"/>
      <c r="M211" s="284"/>
    </row>
    <row r="212" spans="1:13" s="95" customFormat="1" ht="9.9499999999999993" customHeight="1">
      <c r="A212" s="284"/>
      <c r="B212" s="284"/>
      <c r="C212" s="284"/>
      <c r="D212" s="284"/>
      <c r="E212" s="284"/>
      <c r="F212" s="284"/>
      <c r="G212" s="284"/>
      <c r="H212" s="284"/>
      <c r="I212" s="284"/>
      <c r="J212" s="284"/>
      <c r="K212" s="284"/>
      <c r="L212" s="284"/>
      <c r="M212" s="284"/>
    </row>
    <row r="213" spans="1:13" s="94" customFormat="1" ht="9.9499999999999993" customHeight="1">
      <c r="A213" s="286"/>
      <c r="B213" s="286"/>
      <c r="C213" s="286"/>
      <c r="D213" s="286"/>
      <c r="E213" s="286"/>
      <c r="F213" s="286"/>
      <c r="G213" s="286"/>
      <c r="H213" s="286"/>
      <c r="I213" s="787"/>
      <c r="J213" s="286"/>
      <c r="K213" s="286"/>
      <c r="L213" s="286"/>
      <c r="M213" s="286"/>
    </row>
    <row r="214" spans="1:13" s="95" customFormat="1" ht="9.9499999999999993" customHeight="1">
      <c r="A214" s="284"/>
      <c r="B214" s="284"/>
      <c r="C214" s="284"/>
      <c r="D214" s="284"/>
      <c r="E214" s="284"/>
      <c r="F214" s="284"/>
      <c r="G214" s="284"/>
      <c r="H214" s="284"/>
      <c r="I214" s="762"/>
      <c r="J214" s="284"/>
      <c r="K214" s="284"/>
      <c r="L214" s="284"/>
      <c r="M214" s="284"/>
    </row>
    <row r="215" spans="1:13" s="95" customFormat="1" ht="9.9499999999999993" customHeight="1">
      <c r="A215" s="284"/>
      <c r="B215" s="284"/>
      <c r="C215" s="284"/>
      <c r="D215" s="284"/>
      <c r="E215" s="284"/>
      <c r="F215" s="284"/>
      <c r="G215" s="284"/>
      <c r="H215" s="284"/>
      <c r="I215" s="284"/>
      <c r="J215" s="284"/>
      <c r="K215" s="284"/>
      <c r="L215" s="284"/>
      <c r="M215" s="284"/>
    </row>
    <row r="216" spans="1:13" s="94" customFormat="1" ht="9.9499999999999993" customHeight="1">
      <c r="A216" s="286"/>
      <c r="B216" s="286"/>
      <c r="C216" s="286"/>
      <c r="D216" s="286"/>
      <c r="E216" s="286"/>
      <c r="F216" s="286"/>
      <c r="G216" s="286"/>
      <c r="H216" s="286"/>
      <c r="I216" s="787"/>
      <c r="J216" s="286"/>
      <c r="K216" s="286"/>
      <c r="L216" s="286"/>
      <c r="M216" s="286"/>
    </row>
    <row r="217" spans="1:13" s="95" customFormat="1" ht="9.9499999999999993" customHeight="1">
      <c r="A217" s="284"/>
      <c r="B217" s="284"/>
      <c r="C217" s="284"/>
      <c r="D217" s="284"/>
      <c r="E217" s="284"/>
      <c r="F217" s="284"/>
      <c r="G217" s="284"/>
      <c r="H217" s="284"/>
      <c r="I217" s="762"/>
      <c r="J217" s="284"/>
      <c r="K217" s="284"/>
      <c r="L217" s="284"/>
      <c r="M217" s="284"/>
    </row>
    <row r="218" spans="1:13" s="95" customFormat="1" ht="9.9499999999999993" customHeight="1">
      <c r="A218" s="284"/>
      <c r="B218" s="284"/>
      <c r="C218" s="284"/>
      <c r="D218" s="284"/>
      <c r="E218" s="284"/>
      <c r="F218" s="284"/>
      <c r="G218" s="284"/>
      <c r="H218" s="284"/>
      <c r="I218" s="284"/>
      <c r="J218" s="284"/>
      <c r="K218" s="284"/>
      <c r="L218" s="284"/>
      <c r="M218" s="284"/>
    </row>
    <row r="219" spans="1:13" s="94" customFormat="1" ht="9.9499999999999993" customHeight="1">
      <c r="A219" s="286"/>
      <c r="B219" s="286"/>
      <c r="C219" s="286"/>
      <c r="D219" s="286"/>
      <c r="E219" s="286"/>
      <c r="F219" s="286"/>
      <c r="G219" s="286"/>
      <c r="H219" s="286"/>
      <c r="I219" s="787"/>
      <c r="J219" s="286"/>
      <c r="K219" s="286"/>
      <c r="L219" s="286"/>
      <c r="M219" s="286"/>
    </row>
    <row r="220" spans="1:13" s="95" customFormat="1" ht="9.9499999999999993" customHeight="1">
      <c r="A220" s="284"/>
      <c r="B220" s="284"/>
      <c r="C220" s="284"/>
      <c r="D220" s="284"/>
      <c r="E220" s="284"/>
      <c r="F220" s="284"/>
      <c r="G220" s="284"/>
      <c r="H220" s="284"/>
      <c r="I220" s="762"/>
      <c r="J220" s="284"/>
      <c r="K220" s="284"/>
      <c r="L220" s="284"/>
      <c r="M220" s="284"/>
    </row>
    <row r="221" spans="1:13" s="95" customFormat="1" ht="9.9499999999999993" customHeight="1">
      <c r="A221" s="284"/>
      <c r="B221" s="284"/>
      <c r="C221" s="284"/>
      <c r="D221" s="284"/>
      <c r="E221" s="284"/>
      <c r="F221" s="284"/>
      <c r="G221" s="284"/>
      <c r="H221" s="284"/>
      <c r="I221" s="284"/>
      <c r="J221" s="284"/>
      <c r="K221" s="284"/>
      <c r="L221" s="284"/>
      <c r="M221" s="284"/>
    </row>
    <row r="222" spans="1:13" s="94" customFormat="1" ht="9.9499999999999993" customHeight="1">
      <c r="A222" s="286"/>
      <c r="B222" s="286"/>
      <c r="C222" s="286"/>
      <c r="D222" s="286"/>
      <c r="E222" s="286"/>
      <c r="F222" s="286"/>
      <c r="G222" s="286"/>
      <c r="H222" s="286"/>
      <c r="I222" s="787"/>
      <c r="J222" s="286"/>
      <c r="K222" s="286"/>
      <c r="L222" s="286"/>
      <c r="M222" s="286"/>
    </row>
    <row r="223" spans="1:13" s="95" customFormat="1" ht="9.9499999999999993" customHeight="1">
      <c r="A223" s="284"/>
      <c r="B223" s="284"/>
      <c r="C223" s="284"/>
      <c r="D223" s="284"/>
      <c r="E223" s="284"/>
      <c r="F223" s="284"/>
      <c r="G223" s="284"/>
      <c r="H223" s="284"/>
      <c r="I223" s="834"/>
      <c r="J223" s="284"/>
      <c r="K223" s="284"/>
      <c r="L223" s="284"/>
      <c r="M223" s="284"/>
    </row>
    <row r="224" spans="1:13" s="95" customFormat="1" ht="9.9499999999999993" customHeight="1">
      <c r="A224" s="284"/>
      <c r="B224" s="284"/>
      <c r="C224" s="284"/>
      <c r="D224" s="284"/>
      <c r="E224" s="284"/>
      <c r="F224" s="284"/>
      <c r="G224" s="284"/>
      <c r="H224" s="284"/>
      <c r="I224" s="797"/>
      <c r="J224" s="284"/>
      <c r="K224" s="284"/>
      <c r="L224" s="284"/>
      <c r="M224" s="284"/>
    </row>
    <row r="225" spans="1:13" s="94" customFormat="1" ht="9.9499999999999993" customHeight="1">
      <c r="A225" s="286"/>
      <c r="B225" s="286"/>
      <c r="C225" s="286"/>
      <c r="D225" s="286"/>
      <c r="E225" s="286"/>
      <c r="F225" s="286"/>
      <c r="G225" s="286"/>
      <c r="H225" s="286"/>
      <c r="I225" s="834"/>
      <c r="J225" s="286"/>
      <c r="K225" s="286"/>
      <c r="L225" s="286"/>
      <c r="M225" s="286"/>
    </row>
    <row r="226" spans="1:13" s="95" customFormat="1" ht="9.9499999999999993" customHeight="1">
      <c r="A226" s="773"/>
      <c r="B226" s="773"/>
      <c r="C226" s="757"/>
      <c r="D226" s="758"/>
      <c r="E226" s="758"/>
      <c r="F226" s="835"/>
      <c r="G226" s="766"/>
      <c r="H226" s="766"/>
      <c r="I226" s="834"/>
      <c r="J226" s="284"/>
      <c r="K226" s="284"/>
      <c r="L226" s="284"/>
      <c r="M226" s="284"/>
    </row>
    <row r="227" spans="1:13" s="95" customFormat="1" ht="9.9499999999999993" customHeight="1">
      <c r="A227" s="773"/>
      <c r="B227" s="773"/>
      <c r="C227" s="764"/>
      <c r="D227" s="758"/>
      <c r="E227" s="758"/>
      <c r="F227" s="835"/>
      <c r="G227" s="761"/>
      <c r="H227" s="761"/>
      <c r="I227" s="797"/>
      <c r="J227" s="284"/>
      <c r="K227" s="284"/>
      <c r="L227" s="284"/>
      <c r="M227" s="284"/>
    </row>
    <row r="228" spans="1:13" s="94" customFormat="1" ht="9.9499999999999993" customHeight="1">
      <c r="A228" s="773"/>
      <c r="B228" s="836"/>
      <c r="C228" s="837"/>
      <c r="D228" s="768"/>
      <c r="E228" s="768"/>
      <c r="F228" s="835"/>
      <c r="G228" s="786"/>
      <c r="H228" s="786"/>
      <c r="I228" s="834"/>
      <c r="J228" s="286"/>
      <c r="K228" s="286"/>
      <c r="L228" s="286"/>
      <c r="M228" s="286"/>
    </row>
    <row r="229" spans="1:13" s="95" customFormat="1" ht="9.9499999999999993" customHeight="1">
      <c r="A229" s="454"/>
      <c r="B229" s="756"/>
      <c r="C229" s="774"/>
      <c r="D229" s="828"/>
      <c r="E229" s="828"/>
      <c r="F229" s="835"/>
      <c r="G229" s="766"/>
      <c r="H229" s="766"/>
      <c r="I229" s="834"/>
      <c r="J229" s="284"/>
      <c r="K229" s="284"/>
      <c r="L229" s="284"/>
      <c r="M229" s="284"/>
    </row>
    <row r="230" spans="1:13" s="95" customFormat="1" ht="9.9499999999999993" customHeight="1">
      <c r="A230" s="763"/>
      <c r="B230" s="756"/>
      <c r="C230" s="774"/>
      <c r="D230" s="828"/>
      <c r="E230" s="828"/>
      <c r="F230" s="835"/>
      <c r="G230" s="761"/>
      <c r="H230" s="761"/>
      <c r="I230" s="797"/>
      <c r="J230" s="284"/>
      <c r="K230" s="284"/>
      <c r="L230" s="284"/>
      <c r="M230" s="284"/>
    </row>
    <row r="231" spans="1:13" s="94" customFormat="1" ht="9.9499999999999993" customHeight="1">
      <c r="A231" s="457"/>
      <c r="B231" s="772"/>
      <c r="C231" s="838"/>
      <c r="D231" s="838"/>
      <c r="E231" s="776"/>
      <c r="F231" s="835"/>
      <c r="G231" s="839"/>
      <c r="H231" s="839"/>
      <c r="I231" s="834"/>
      <c r="J231" s="286"/>
      <c r="K231" s="286"/>
      <c r="L231" s="286"/>
      <c r="M231" s="286"/>
    </row>
    <row r="232" spans="1:13" s="95" customFormat="1" ht="9.9499999999999993" customHeight="1">
      <c r="A232" s="763"/>
      <c r="B232" s="790"/>
      <c r="C232" s="790"/>
      <c r="D232" s="772"/>
      <c r="E232" s="762"/>
      <c r="F232" s="835"/>
      <c r="G232" s="766"/>
      <c r="H232" s="564"/>
      <c r="I232" s="834"/>
      <c r="J232" s="284"/>
      <c r="K232" s="284"/>
      <c r="L232" s="784"/>
      <c r="M232" s="284"/>
    </row>
    <row r="233" spans="1:13" s="95" customFormat="1" ht="9.9499999999999993" customHeight="1">
      <c r="A233" s="763"/>
      <c r="B233" s="790"/>
      <c r="C233" s="790"/>
      <c r="D233" s="790"/>
      <c r="E233" s="762"/>
      <c r="F233" s="835"/>
      <c r="G233" s="761"/>
      <c r="H233" s="841"/>
      <c r="I233" s="797"/>
      <c r="J233" s="284"/>
      <c r="K233" s="284"/>
      <c r="L233" s="284"/>
      <c r="M233" s="284"/>
    </row>
    <row r="234" spans="1:13" s="94" customFormat="1" ht="9.9499999999999993" customHeight="1">
      <c r="A234" s="781"/>
      <c r="B234" s="772"/>
      <c r="C234" s="772"/>
      <c r="D234" s="772"/>
      <c r="E234" s="776"/>
      <c r="F234" s="848"/>
      <c r="G234" s="562"/>
      <c r="H234" s="770"/>
      <c r="I234" s="834"/>
      <c r="J234" s="286"/>
      <c r="K234" s="286"/>
      <c r="L234" s="286"/>
      <c r="M234" s="286"/>
    </row>
    <row r="235" spans="1:13" s="95" customFormat="1" ht="9.9499999999999993" customHeight="1">
      <c r="A235" s="454"/>
      <c r="B235" s="756"/>
      <c r="C235" s="756"/>
      <c r="D235" s="830"/>
      <c r="E235" s="828"/>
      <c r="F235" s="835"/>
      <c r="G235" s="785"/>
      <c r="H235" s="564"/>
      <c r="I235" s="846"/>
      <c r="J235" s="284"/>
      <c r="K235" s="284"/>
      <c r="L235" s="284"/>
      <c r="M235" s="284"/>
    </row>
    <row r="236" spans="1:13" s="95" customFormat="1" ht="9.9499999999999993" customHeight="1">
      <c r="A236" s="763"/>
      <c r="B236" s="756"/>
      <c r="C236" s="756"/>
      <c r="D236" s="831"/>
      <c r="E236" s="828"/>
      <c r="F236" s="835"/>
      <c r="G236" s="785"/>
      <c r="H236" s="841"/>
      <c r="I236" s="847"/>
      <c r="J236" s="284"/>
      <c r="K236" s="284"/>
      <c r="L236" s="284"/>
      <c r="M236" s="284"/>
    </row>
    <row r="237" spans="1:13" s="94" customFormat="1" ht="9.9499999999999993" customHeight="1">
      <c r="A237" s="457"/>
      <c r="B237" s="767"/>
      <c r="C237" s="767"/>
      <c r="D237" s="767"/>
      <c r="E237" s="829"/>
      <c r="F237" s="848"/>
      <c r="G237" s="844"/>
      <c r="H237" s="770"/>
      <c r="I237" s="845"/>
      <c r="J237" s="286"/>
      <c r="K237" s="286"/>
      <c r="L237" s="286"/>
      <c r="M237" s="286"/>
    </row>
    <row r="238" spans="1:13" s="95" customFormat="1" ht="9.9499999999999993" customHeight="1">
      <c r="A238" s="773"/>
      <c r="B238" s="773"/>
      <c r="C238" s="756"/>
      <c r="D238" s="830"/>
      <c r="E238" s="828"/>
      <c r="F238" s="840"/>
      <c r="G238" s="785"/>
      <c r="H238" s="564"/>
      <c r="I238" s="803"/>
      <c r="J238" s="284"/>
      <c r="K238" s="284"/>
      <c r="L238" s="284"/>
      <c r="M238" s="284"/>
    </row>
    <row r="239" spans="1:13" s="95" customFormat="1" ht="9.9499999999999993" customHeight="1">
      <c r="A239" s="773"/>
      <c r="B239" s="773"/>
      <c r="C239" s="756"/>
      <c r="D239" s="831"/>
      <c r="E239" s="828"/>
      <c r="F239" s="779"/>
      <c r="G239" s="785"/>
      <c r="H239" s="841"/>
      <c r="I239" s="842"/>
      <c r="J239" s="284"/>
      <c r="K239" s="284"/>
      <c r="L239" s="284"/>
      <c r="M239" s="284"/>
    </row>
    <row r="240" spans="1:13" s="94" customFormat="1" ht="9.9499999999999993" customHeight="1">
      <c r="A240" s="773"/>
      <c r="B240" s="836"/>
      <c r="C240" s="767"/>
      <c r="D240" s="767"/>
      <c r="E240" s="829"/>
      <c r="F240" s="843"/>
      <c r="G240" s="844"/>
      <c r="H240" s="770"/>
      <c r="I240" s="845"/>
      <c r="J240" s="286"/>
      <c r="K240" s="286"/>
      <c r="L240" s="286"/>
      <c r="M240" s="286"/>
    </row>
    <row r="241" spans="1:13" s="95" customFormat="1" ht="9.75" customHeight="1">
      <c r="A241" s="763"/>
      <c r="B241" s="790"/>
      <c r="C241" s="790"/>
      <c r="D241" s="772"/>
      <c r="E241" s="762"/>
      <c r="F241" s="694"/>
      <c r="G241" s="759"/>
      <c r="H241" s="802"/>
      <c r="I241" s="803"/>
      <c r="J241" s="284"/>
      <c r="K241" s="284"/>
      <c r="L241" s="284"/>
      <c r="M241" s="284"/>
    </row>
    <row r="242" spans="1:13" s="95" customFormat="1" ht="9.75" customHeight="1">
      <c r="A242" s="763"/>
      <c r="B242" s="790"/>
      <c r="C242" s="790"/>
      <c r="D242" s="790"/>
      <c r="E242" s="762"/>
      <c r="F242" s="694"/>
      <c r="G242" s="759"/>
      <c r="H242" s="804"/>
      <c r="I242" s="842"/>
      <c r="J242" s="284"/>
      <c r="K242" s="284"/>
      <c r="L242" s="284"/>
      <c r="M242" s="284"/>
    </row>
    <row r="243" spans="1:13" s="94" customFormat="1" ht="9.9499999999999993" customHeight="1">
      <c r="A243" s="788"/>
      <c r="B243" s="772"/>
      <c r="C243" s="772"/>
      <c r="D243" s="772"/>
      <c r="E243" s="776"/>
      <c r="F243" s="791"/>
      <c r="G243" s="806"/>
      <c r="H243" s="807"/>
      <c r="I243" s="845"/>
      <c r="J243" s="286"/>
      <c r="K243" s="286"/>
      <c r="L243" s="286"/>
      <c r="M243" s="286"/>
    </row>
    <row r="244" spans="1:13">
      <c r="A244" s="851"/>
      <c r="B244" s="851"/>
      <c r="C244" s="851"/>
      <c r="D244" s="851"/>
      <c r="E244" s="851"/>
      <c r="F244" s="851"/>
      <c r="G244" s="851"/>
      <c r="H244" s="851"/>
      <c r="I244" s="851"/>
      <c r="J244" s="851"/>
      <c r="K244" s="851"/>
      <c r="L244" s="851"/>
      <c r="M244" s="851"/>
    </row>
    <row r="245" spans="1:13">
      <c r="A245" s="851"/>
      <c r="B245" s="851"/>
      <c r="C245" s="851"/>
      <c r="D245" s="851"/>
      <c r="E245" s="851"/>
      <c r="F245" s="851"/>
      <c r="G245" s="851"/>
      <c r="H245" s="851"/>
      <c r="I245" s="851"/>
      <c r="J245" s="851"/>
      <c r="K245" s="851"/>
      <c r="L245" s="851"/>
      <c r="M245" s="851"/>
    </row>
    <row r="246" spans="1:13">
      <c r="A246" s="851"/>
      <c r="B246" s="851"/>
      <c r="C246" s="851"/>
      <c r="D246" s="851"/>
      <c r="E246" s="851"/>
      <c r="F246" s="851"/>
      <c r="G246" s="851"/>
      <c r="H246" s="851"/>
      <c r="I246" s="851"/>
      <c r="J246" s="851"/>
      <c r="K246" s="851"/>
      <c r="L246" s="851"/>
      <c r="M246" s="851"/>
    </row>
    <row r="247" spans="1:13">
      <c r="A247" s="851"/>
      <c r="B247" s="851"/>
      <c r="C247" s="851"/>
      <c r="D247" s="851"/>
      <c r="E247" s="851"/>
      <c r="F247" s="851"/>
      <c r="G247" s="851"/>
      <c r="H247" s="851"/>
      <c r="I247" s="851"/>
      <c r="J247" s="851"/>
      <c r="K247" s="851"/>
      <c r="L247" s="851"/>
      <c r="M247" s="851"/>
    </row>
    <row r="248" spans="1:13">
      <c r="A248" s="851"/>
      <c r="B248" s="851"/>
      <c r="C248" s="851"/>
      <c r="D248" s="851"/>
      <c r="E248" s="851"/>
      <c r="F248" s="851"/>
      <c r="G248" s="851"/>
      <c r="H248" s="851"/>
      <c r="I248" s="851"/>
      <c r="J248" s="851"/>
      <c r="K248" s="851"/>
      <c r="L248" s="851"/>
      <c r="M248" s="851"/>
    </row>
    <row r="249" spans="1:13">
      <c r="A249" s="851"/>
      <c r="B249" s="851"/>
      <c r="C249" s="851"/>
      <c r="D249" s="851"/>
      <c r="E249" s="851"/>
      <c r="F249" s="851"/>
      <c r="G249" s="851"/>
      <c r="H249" s="851"/>
      <c r="I249" s="851"/>
      <c r="J249" s="851"/>
      <c r="K249" s="851"/>
      <c r="L249" s="851"/>
      <c r="M249" s="851"/>
    </row>
    <row r="250" spans="1:13">
      <c r="A250" s="851"/>
      <c r="B250" s="851"/>
      <c r="C250" s="851"/>
      <c r="D250" s="851"/>
      <c r="E250" s="851"/>
      <c r="F250" s="851"/>
      <c r="G250" s="851"/>
      <c r="H250" s="851"/>
      <c r="I250" s="851"/>
      <c r="J250" s="851"/>
      <c r="K250" s="851"/>
      <c r="L250" s="851"/>
      <c r="M250" s="851"/>
    </row>
    <row r="251" spans="1:13">
      <c r="A251" s="851"/>
      <c r="B251" s="851"/>
      <c r="C251" s="851"/>
      <c r="D251" s="851"/>
      <c r="E251" s="851"/>
      <c r="F251" s="851"/>
      <c r="G251" s="851"/>
      <c r="H251" s="851"/>
      <c r="I251" s="851"/>
      <c r="J251" s="851"/>
      <c r="K251" s="851"/>
      <c r="L251" s="851"/>
      <c r="M251" s="851"/>
    </row>
    <row r="252" spans="1:13">
      <c r="A252" s="851"/>
      <c r="B252" s="851"/>
      <c r="C252" s="851"/>
      <c r="D252" s="851"/>
      <c r="E252" s="851"/>
      <c r="F252" s="851"/>
      <c r="G252" s="851"/>
      <c r="H252" s="851"/>
      <c r="I252" s="851"/>
      <c r="J252" s="851"/>
      <c r="K252" s="851"/>
      <c r="L252" s="851"/>
      <c r="M252" s="851"/>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245"/>
  <sheetViews>
    <sheetView showGridLines="0" zoomScale="145" zoomScaleNormal="145" zoomScaleSheetLayoutView="110"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67"/>
      <c r="B2" s="68"/>
      <c r="C2" s="68"/>
      <c r="D2" s="68"/>
      <c r="E2" s="69"/>
      <c r="F2" s="70"/>
      <c r="G2" s="98"/>
      <c r="H2" s="98"/>
      <c r="I2" s="71"/>
    </row>
    <row r="3" spans="1:13" s="95" customFormat="1" ht="9.9499999999999993" customHeight="1">
      <c r="A3" s="72" t="s">
        <v>419</v>
      </c>
      <c r="B3" s="73"/>
      <c r="C3" s="73"/>
      <c r="D3" s="73"/>
      <c r="E3" s="74"/>
      <c r="F3" s="75"/>
      <c r="G3" s="99"/>
      <c r="H3" s="99"/>
      <c r="I3" s="76"/>
    </row>
    <row r="4" spans="1:13" s="94" customFormat="1" ht="9.9499999999999993" customHeight="1">
      <c r="A4" s="80"/>
      <c r="B4" s="77"/>
      <c r="C4" s="77"/>
      <c r="D4" s="77"/>
      <c r="E4" s="78"/>
      <c r="F4" s="79"/>
      <c r="G4" s="100"/>
      <c r="H4" s="97"/>
      <c r="I4" s="186"/>
    </row>
    <row r="5" spans="1:13" s="95" customFormat="1" ht="9.9499999999999993" customHeight="1">
      <c r="A5" s="67"/>
      <c r="B5" s="68"/>
      <c r="C5" s="176"/>
      <c r="D5" s="68"/>
      <c r="E5" s="69"/>
      <c r="F5" s="70"/>
      <c r="G5" s="98"/>
      <c r="H5" s="98"/>
      <c r="I5" s="71"/>
    </row>
    <row r="6" spans="1:13" s="95" customFormat="1" ht="9.9499999999999993" customHeight="1">
      <c r="A6" s="72"/>
      <c r="B6" s="73" t="s">
        <v>315</v>
      </c>
      <c r="C6" s="177"/>
      <c r="D6" s="184"/>
      <c r="E6" s="74"/>
      <c r="F6" s="75"/>
      <c r="G6" s="99"/>
      <c r="H6" s="99"/>
      <c r="I6" s="76"/>
    </row>
    <row r="7" spans="1:13" s="94" customFormat="1" ht="9.9499999999999993" customHeight="1">
      <c r="A7" s="80"/>
      <c r="B7" s="77"/>
      <c r="C7" s="178"/>
      <c r="D7" s="77"/>
      <c r="E7" s="78"/>
      <c r="F7" s="79"/>
      <c r="G7" s="100"/>
      <c r="H7" s="97"/>
      <c r="I7" s="190"/>
    </row>
    <row r="8" spans="1:13" s="95" customFormat="1" ht="9.9499999999999993" customHeight="1">
      <c r="A8" s="67"/>
      <c r="B8" s="68"/>
      <c r="C8" s="68" t="s">
        <v>432</v>
      </c>
      <c r="D8" s="85"/>
      <c r="E8" s="231"/>
      <c r="F8" s="225"/>
      <c r="G8" s="102"/>
      <c r="H8" s="230"/>
      <c r="I8" s="71"/>
      <c r="L8" s="238"/>
    </row>
    <row r="9" spans="1:13" s="95" customFormat="1" ht="9.9499999999999993" customHeight="1">
      <c r="A9" s="72"/>
      <c r="B9" s="73"/>
      <c r="C9" s="73" t="s">
        <v>316</v>
      </c>
      <c r="D9" s="85"/>
      <c r="E9" s="233"/>
      <c r="F9" s="227"/>
      <c r="G9" s="103"/>
      <c r="H9" s="228"/>
      <c r="I9" s="193"/>
      <c r="L9" s="238"/>
    </row>
    <row r="10" spans="1:13" s="94" customFormat="1" ht="9.9499999999999993" customHeight="1">
      <c r="A10" s="80"/>
      <c r="B10" s="77"/>
      <c r="C10" s="73" t="s">
        <v>426</v>
      </c>
      <c r="D10" s="86"/>
      <c r="E10" s="245" t="s">
        <v>317</v>
      </c>
      <c r="F10" s="227">
        <v>1</v>
      </c>
      <c r="G10" s="101"/>
      <c r="H10" s="224"/>
      <c r="I10" s="194"/>
      <c r="L10" s="239"/>
    </row>
    <row r="11" spans="1:13" s="95" customFormat="1" ht="9.9499999999999993" customHeight="1">
      <c r="A11" s="67"/>
      <c r="B11" s="68"/>
      <c r="C11" s="221"/>
      <c r="D11" s="85"/>
      <c r="E11" s="231"/>
      <c r="F11" s="225"/>
      <c r="G11" s="102"/>
      <c r="H11" s="230"/>
      <c r="I11" s="71"/>
      <c r="K11" s="94"/>
      <c r="L11" s="238"/>
      <c r="M11" s="94"/>
    </row>
    <row r="12" spans="1:13" s="95" customFormat="1" ht="9.9499999999999993" customHeight="1">
      <c r="A12" s="72"/>
      <c r="B12" s="73"/>
      <c r="C12" s="244" t="s">
        <v>427</v>
      </c>
      <c r="D12" s="85"/>
      <c r="E12" s="233"/>
      <c r="F12" s="227"/>
      <c r="G12" s="103"/>
      <c r="H12" s="228"/>
      <c r="I12" s="193"/>
      <c r="K12" s="94"/>
      <c r="L12" s="238"/>
      <c r="M12" s="94"/>
    </row>
    <row r="13" spans="1:13" s="94" customFormat="1" ht="9.9499999999999993" customHeight="1">
      <c r="A13" s="80"/>
      <c r="B13" s="77"/>
      <c r="C13" s="242" t="s">
        <v>428</v>
      </c>
      <c r="D13" s="86"/>
      <c r="E13" s="245" t="s">
        <v>317</v>
      </c>
      <c r="F13" s="227">
        <v>1</v>
      </c>
      <c r="G13" s="101"/>
      <c r="H13" s="224"/>
      <c r="I13" s="194"/>
      <c r="L13" s="239"/>
    </row>
    <row r="14" spans="1:13" s="95" customFormat="1" ht="9.9499999999999993" customHeight="1">
      <c r="A14" s="67"/>
      <c r="B14" s="68"/>
      <c r="C14" s="221"/>
      <c r="D14" s="105"/>
      <c r="E14" s="231"/>
      <c r="F14" s="217"/>
      <c r="G14" s="218"/>
      <c r="H14" s="230"/>
      <c r="I14" s="71"/>
      <c r="K14" s="94"/>
      <c r="L14" s="238"/>
      <c r="M14" s="94"/>
    </row>
    <row r="15" spans="1:13" s="95" customFormat="1" ht="9.9499999999999993" customHeight="1">
      <c r="A15" s="72"/>
      <c r="B15" s="73"/>
      <c r="C15" s="281"/>
      <c r="D15" s="220"/>
      <c r="E15" s="233"/>
      <c r="F15" s="246"/>
      <c r="G15" s="219"/>
      <c r="H15" s="228"/>
      <c r="I15" s="193"/>
      <c r="K15" s="94"/>
      <c r="L15" s="238"/>
      <c r="M15" s="94"/>
    </row>
    <row r="16" spans="1:13" s="94" customFormat="1" ht="9.9499999999999993" customHeight="1">
      <c r="A16" s="80"/>
      <c r="B16" s="77"/>
      <c r="C16" s="243" t="s">
        <v>429</v>
      </c>
      <c r="D16" s="469"/>
      <c r="E16" s="245" t="s">
        <v>317</v>
      </c>
      <c r="F16" s="246">
        <v>1</v>
      </c>
      <c r="G16" s="219"/>
      <c r="H16" s="224"/>
      <c r="I16" s="194"/>
      <c r="L16" s="544"/>
    </row>
    <row r="17" spans="1:13" s="95" customFormat="1" ht="9.9499999999999993" customHeight="1">
      <c r="A17" s="67"/>
      <c r="B17" s="68"/>
      <c r="C17" s="68"/>
      <c r="D17" s="85"/>
      <c r="E17" s="231"/>
      <c r="F17" s="225"/>
      <c r="G17" s="102"/>
      <c r="H17" s="230"/>
      <c r="I17" s="71"/>
      <c r="K17" s="94"/>
      <c r="L17" s="543"/>
      <c r="M17" s="94"/>
    </row>
    <row r="18" spans="1:13" s="95" customFormat="1" ht="9.9499999999999993" customHeight="1">
      <c r="A18" s="72"/>
      <c r="B18" s="73"/>
      <c r="C18" s="73"/>
      <c r="D18" s="85"/>
      <c r="E18" s="233"/>
      <c r="F18" s="227"/>
      <c r="G18" s="103"/>
      <c r="H18" s="228"/>
      <c r="I18" s="193"/>
      <c r="K18" s="94"/>
      <c r="L18" s="238"/>
      <c r="M18" s="94"/>
    </row>
    <row r="19" spans="1:13" s="94" customFormat="1" ht="9.9499999999999993" customHeight="1">
      <c r="A19" s="80"/>
      <c r="B19" s="77"/>
      <c r="C19" s="73" t="s">
        <v>430</v>
      </c>
      <c r="D19" s="86"/>
      <c r="E19" s="245" t="s">
        <v>317</v>
      </c>
      <c r="F19" s="227">
        <v>1</v>
      </c>
      <c r="G19" s="101"/>
      <c r="H19" s="698"/>
      <c r="I19" s="194"/>
      <c r="L19" s="239"/>
    </row>
    <row r="20" spans="1:13" s="95" customFormat="1" ht="9.9499999999999993" customHeight="1">
      <c r="A20" s="67"/>
      <c r="B20" s="120"/>
      <c r="C20" s="120"/>
      <c r="D20" s="121"/>
      <c r="E20" s="121"/>
      <c r="F20" s="122"/>
      <c r="G20" s="106"/>
      <c r="H20" s="112"/>
      <c r="I20" s="71"/>
      <c r="L20" s="238"/>
      <c r="M20" s="94"/>
    </row>
    <row r="21" spans="1:13" s="95" customFormat="1" ht="9.9499999999999993" customHeight="1">
      <c r="A21" s="72"/>
      <c r="B21" s="125"/>
      <c r="C21" s="125"/>
      <c r="D21" s="126"/>
      <c r="E21" s="126"/>
      <c r="F21" s="127"/>
      <c r="G21" s="107"/>
      <c r="H21" s="113"/>
      <c r="I21" s="193"/>
      <c r="L21" s="238"/>
    </row>
    <row r="22" spans="1:13" s="94" customFormat="1" ht="9.9499999999999993" customHeight="1">
      <c r="A22" s="80"/>
      <c r="B22" s="130"/>
      <c r="C22" s="125" t="s">
        <v>349</v>
      </c>
      <c r="D22" s="130"/>
      <c r="E22" s="131"/>
      <c r="F22" s="132"/>
      <c r="G22" s="108"/>
      <c r="H22" s="240"/>
      <c r="I22" s="194"/>
      <c r="L22" s="239"/>
    </row>
    <row r="23" spans="1:13" s="95" customFormat="1" ht="9.9499999999999993" customHeight="1">
      <c r="A23" s="67"/>
      <c r="B23" s="68"/>
      <c r="C23" s="221"/>
      <c r="D23" s="105"/>
      <c r="E23" s="231"/>
      <c r="F23" s="217"/>
      <c r="G23" s="218"/>
      <c r="H23" s="230"/>
      <c r="I23" s="71"/>
    </row>
    <row r="24" spans="1:13" s="95" customFormat="1" ht="9.9499999999999993" customHeight="1">
      <c r="A24" s="72"/>
      <c r="B24" s="73"/>
      <c r="C24" s="281"/>
      <c r="D24" s="220"/>
      <c r="E24" s="233"/>
      <c r="F24" s="246"/>
      <c r="G24" s="219"/>
      <c r="H24" s="228"/>
      <c r="I24" s="193"/>
    </row>
    <row r="25" spans="1:13" s="94" customFormat="1" ht="9.9499999999999993" customHeight="1">
      <c r="A25" s="80"/>
      <c r="B25" s="77"/>
      <c r="C25" s="243"/>
      <c r="D25" s="220"/>
      <c r="E25" s="245"/>
      <c r="F25" s="246"/>
      <c r="G25" s="219"/>
      <c r="H25" s="224"/>
      <c r="I25" s="194"/>
    </row>
    <row r="26" spans="1:13" s="95" customFormat="1" ht="9.9499999999999993" customHeight="1">
      <c r="A26" s="290"/>
      <c r="B26" s="221"/>
      <c r="C26" s="306"/>
      <c r="D26" s="306"/>
      <c r="E26" s="231"/>
      <c r="F26" s="307"/>
      <c r="G26" s="308"/>
      <c r="H26" s="213"/>
      <c r="I26" s="309"/>
    </row>
    <row r="27" spans="1:13" s="95" customFormat="1" ht="9.9499999999999993" customHeight="1">
      <c r="A27" s="294" t="s">
        <v>420</v>
      </c>
      <c r="B27" s="295"/>
      <c r="C27" s="310"/>
      <c r="D27" s="310"/>
      <c r="E27" s="296"/>
      <c r="F27" s="311"/>
      <c r="G27" s="312"/>
      <c r="H27" s="207"/>
      <c r="I27" s="313"/>
    </row>
    <row r="28" spans="1:13" s="94" customFormat="1" ht="9.9499999999999993" customHeight="1">
      <c r="A28" s="300"/>
      <c r="B28" s="314"/>
      <c r="C28" s="314"/>
      <c r="D28" s="301"/>
      <c r="E28" s="315"/>
      <c r="F28" s="316"/>
      <c r="G28" s="317"/>
      <c r="H28" s="304"/>
      <c r="I28" s="318"/>
    </row>
    <row r="29" spans="1:13" s="95" customFormat="1" ht="9.9499999999999993" customHeight="1">
      <c r="A29" s="290"/>
      <c r="B29" s="221"/>
      <c r="C29" s="306"/>
      <c r="D29" s="310"/>
      <c r="E29" s="231"/>
      <c r="F29" s="319"/>
      <c r="G29" s="183"/>
      <c r="H29" s="292"/>
      <c r="I29" s="309"/>
    </row>
    <row r="30" spans="1:13" s="95" customFormat="1" ht="9.9499999999999993" customHeight="1">
      <c r="A30" s="320"/>
      <c r="B30" s="295" t="s">
        <v>320</v>
      </c>
      <c r="C30" s="310"/>
      <c r="D30" s="310"/>
      <c r="E30" s="296"/>
      <c r="F30" s="321"/>
      <c r="G30" s="185"/>
      <c r="H30" s="298"/>
      <c r="I30" s="313"/>
    </row>
    <row r="31" spans="1:13" s="94" customFormat="1" ht="9.9499999999999993" customHeight="1">
      <c r="A31" s="300"/>
      <c r="B31" s="301"/>
      <c r="C31" s="295"/>
      <c r="D31" s="301"/>
      <c r="E31" s="315"/>
      <c r="F31" s="322"/>
      <c r="G31" s="101"/>
      <c r="H31" s="304"/>
      <c r="I31" s="323"/>
    </row>
    <row r="32" spans="1:13" s="95" customFormat="1" ht="9.9499999999999993" customHeight="1">
      <c r="A32" s="290"/>
      <c r="B32" s="221"/>
      <c r="C32" s="221"/>
      <c r="D32" s="324"/>
      <c r="E32" s="231"/>
      <c r="F32" s="291"/>
      <c r="G32" s="102"/>
      <c r="H32" s="325"/>
      <c r="I32" s="326"/>
    </row>
    <row r="33" spans="1:9" s="95" customFormat="1" ht="9.9499999999999993" customHeight="1">
      <c r="A33" s="320"/>
      <c r="B33" s="295"/>
      <c r="C33" s="295"/>
      <c r="D33" s="327"/>
      <c r="E33" s="296"/>
      <c r="F33" s="297"/>
      <c r="G33" s="103"/>
      <c r="H33" s="103"/>
      <c r="I33" s="313"/>
    </row>
    <row r="34" spans="1:9" s="94" customFormat="1" ht="9.9499999999999993" customHeight="1">
      <c r="A34" s="300"/>
      <c r="B34" s="301"/>
      <c r="C34" s="314" t="s">
        <v>321</v>
      </c>
      <c r="D34" s="301" t="s">
        <v>322</v>
      </c>
      <c r="E34" s="315" t="s">
        <v>69</v>
      </c>
      <c r="F34" s="328">
        <v>2</v>
      </c>
      <c r="G34" s="101"/>
      <c r="H34" s="304"/>
      <c r="I34" s="323"/>
    </row>
    <row r="35" spans="1:9" s="95" customFormat="1" ht="9.9499999999999993" customHeight="1">
      <c r="A35" s="290"/>
      <c r="B35" s="221"/>
      <c r="C35" s="221"/>
      <c r="D35" s="221"/>
      <c r="E35" s="231"/>
      <c r="F35" s="291"/>
      <c r="G35" s="102"/>
      <c r="H35" s="325"/>
      <c r="I35" s="326"/>
    </row>
    <row r="36" spans="1:9" s="95" customFormat="1" ht="9.9499999999999993" customHeight="1">
      <c r="A36" s="320"/>
      <c r="B36" s="295"/>
      <c r="C36" s="295"/>
      <c r="D36" s="295"/>
      <c r="E36" s="296"/>
      <c r="F36" s="297"/>
      <c r="G36" s="103"/>
      <c r="H36" s="103"/>
      <c r="I36" s="313"/>
    </row>
    <row r="37" spans="1:9" s="94" customFormat="1" ht="9.9499999999999993" customHeight="1">
      <c r="A37" s="300"/>
      <c r="B37" s="314"/>
      <c r="C37" s="333" t="s">
        <v>324</v>
      </c>
      <c r="D37" s="333" t="s">
        <v>322</v>
      </c>
      <c r="E37" s="334" t="s">
        <v>69</v>
      </c>
      <c r="F37" s="335">
        <v>4</v>
      </c>
      <c r="G37" s="336"/>
      <c r="H37" s="304"/>
      <c r="I37" s="323"/>
    </row>
    <row r="38" spans="1:9" s="95" customFormat="1" ht="9.9499999999999993" customHeight="1">
      <c r="A38" s="290"/>
      <c r="B38" s="221"/>
      <c r="C38" s="221"/>
      <c r="D38" s="221"/>
      <c r="E38" s="231"/>
      <c r="F38" s="291"/>
      <c r="G38" s="102"/>
      <c r="H38" s="292"/>
      <c r="I38" s="332"/>
    </row>
    <row r="39" spans="1:9" s="95" customFormat="1" ht="9.9499999999999993" customHeight="1">
      <c r="A39" s="320"/>
      <c r="B39" s="295"/>
      <c r="C39" s="295"/>
      <c r="D39" s="295"/>
      <c r="E39" s="296"/>
      <c r="F39" s="297"/>
      <c r="G39" s="103"/>
      <c r="H39" s="298"/>
      <c r="I39" s="299"/>
    </row>
    <row r="40" spans="1:9" s="94" customFormat="1" ht="9.9499999999999993" customHeight="1">
      <c r="A40" s="300"/>
      <c r="B40" s="315"/>
      <c r="C40" s="333" t="s">
        <v>318</v>
      </c>
      <c r="D40" s="333"/>
      <c r="E40" s="315"/>
      <c r="F40" s="449"/>
      <c r="G40" s="101"/>
      <c r="H40" s="304"/>
      <c r="I40" s="337"/>
    </row>
    <row r="41" spans="1:9" s="91" customFormat="1" ht="30" customHeight="1">
      <c r="A41" s="962" t="s">
        <v>31</v>
      </c>
      <c r="B41" s="963"/>
      <c r="C41" s="963"/>
      <c r="D41" s="963"/>
      <c r="E41" s="963"/>
      <c r="F41" s="963"/>
      <c r="G41" s="963"/>
      <c r="H41" s="963"/>
      <c r="I41" s="964"/>
    </row>
    <row r="42" spans="1:9" s="90" customFormat="1" ht="30" customHeight="1">
      <c r="A42" s="150" t="s">
        <v>22</v>
      </c>
      <c r="B42" s="151" t="s">
        <v>23</v>
      </c>
      <c r="C42" s="151" t="s">
        <v>24</v>
      </c>
      <c r="D42" s="151" t="s">
        <v>25</v>
      </c>
      <c r="E42" s="151" t="s">
        <v>26</v>
      </c>
      <c r="F42" s="151" t="s">
        <v>27</v>
      </c>
      <c r="G42" s="152" t="s">
        <v>28</v>
      </c>
      <c r="H42" s="153" t="s">
        <v>29</v>
      </c>
      <c r="I42" s="154" t="s">
        <v>30</v>
      </c>
    </row>
    <row r="43" spans="1:9" s="95" customFormat="1" ht="9.9499999999999993" customHeight="1">
      <c r="A43" s="67"/>
      <c r="B43" s="221"/>
      <c r="C43" s="221"/>
      <c r="D43" s="221"/>
      <c r="E43" s="231"/>
      <c r="F43" s="291"/>
      <c r="G43" s="102"/>
      <c r="H43" s="292"/>
      <c r="I43" s="293"/>
    </row>
    <row r="44" spans="1:9" s="95" customFormat="1" ht="9.9499999999999993" customHeight="1">
      <c r="A44" s="294" t="s">
        <v>421</v>
      </c>
      <c r="B44" s="295"/>
      <c r="C44" s="295"/>
      <c r="D44" s="295"/>
      <c r="E44" s="296"/>
      <c r="F44" s="297"/>
      <c r="G44" s="103"/>
      <c r="H44" s="298"/>
      <c r="I44" s="299"/>
    </row>
    <row r="45" spans="1:9" s="94" customFormat="1" ht="9.9499999999999993" customHeight="1">
      <c r="A45" s="80"/>
      <c r="B45" s="301"/>
      <c r="C45" s="302"/>
      <c r="D45" s="302"/>
      <c r="E45" s="302"/>
      <c r="F45" s="303"/>
      <c r="G45" s="101"/>
      <c r="H45" s="304"/>
      <c r="I45" s="305"/>
    </row>
    <row r="46" spans="1:9" s="95" customFormat="1" ht="9.9499999999999993" customHeight="1">
      <c r="A46" s="338"/>
      <c r="B46" s="306"/>
      <c r="C46" s="454"/>
      <c r="D46" s="455"/>
      <c r="E46" s="454"/>
      <c r="F46" s="455"/>
      <c r="G46" s="454"/>
      <c r="H46" s="455"/>
      <c r="I46" s="345"/>
    </row>
    <row r="47" spans="1:9" s="95" customFormat="1" ht="9.9499999999999993" customHeight="1">
      <c r="A47" s="294"/>
      <c r="B47" s="310" t="s">
        <v>306</v>
      </c>
      <c r="C47" s="454"/>
      <c r="D47" s="456"/>
      <c r="E47" s="454"/>
      <c r="F47" s="456"/>
      <c r="G47" s="454"/>
      <c r="H47" s="456"/>
      <c r="I47" s="326"/>
    </row>
    <row r="48" spans="1:9" s="94" customFormat="1" ht="9.9499999999999993" customHeight="1">
      <c r="A48" s="342"/>
      <c r="B48" s="453"/>
      <c r="C48" s="457"/>
      <c r="D48" s="363"/>
      <c r="E48" s="457"/>
      <c r="F48" s="363"/>
      <c r="G48" s="457"/>
      <c r="H48" s="363"/>
      <c r="I48" s="351"/>
    </row>
    <row r="49" spans="1:9" s="95" customFormat="1" ht="9.9499999999999993" customHeight="1">
      <c r="A49" s="352"/>
      <c r="B49" s="306"/>
      <c r="C49" s="84"/>
      <c r="D49" s="84"/>
      <c r="E49" s="211"/>
      <c r="F49" s="291"/>
      <c r="G49" s="102"/>
      <c r="H49" s="292"/>
      <c r="I49" s="345"/>
    </row>
    <row r="50" spans="1:9" s="95" customFormat="1" ht="9.9499999999999993" customHeight="1">
      <c r="A50" s="352"/>
      <c r="B50" s="310"/>
      <c r="C50" s="472"/>
      <c r="D50" s="85"/>
      <c r="E50" s="174"/>
      <c r="F50" s="297"/>
      <c r="G50" s="103"/>
      <c r="H50" s="103"/>
      <c r="I50" s="326"/>
    </row>
    <row r="51" spans="1:9" s="94" customFormat="1" ht="9.9499999999999993" customHeight="1">
      <c r="A51" s="362"/>
      <c r="B51" s="453"/>
      <c r="C51" s="473" t="s">
        <v>408</v>
      </c>
      <c r="D51" s="86" t="s">
        <v>353</v>
      </c>
      <c r="E51" s="208" t="s">
        <v>71</v>
      </c>
      <c r="F51" s="466">
        <v>9.1999999999999993</v>
      </c>
      <c r="G51" s="101"/>
      <c r="H51" s="304"/>
      <c r="I51" s="351"/>
    </row>
    <row r="52" spans="1:9" s="95" customFormat="1" ht="9.9499999999999993" customHeight="1">
      <c r="A52" s="352"/>
      <c r="B52" s="221"/>
      <c r="C52" s="84"/>
      <c r="D52" s="84"/>
      <c r="E52" s="211"/>
      <c r="F52" s="291"/>
      <c r="G52" s="102"/>
      <c r="H52" s="292"/>
      <c r="I52" s="345"/>
    </row>
    <row r="53" spans="1:9" s="95" customFormat="1" ht="9.9499999999999993" customHeight="1">
      <c r="A53" s="352"/>
      <c r="B53" s="295"/>
      <c r="C53" s="472"/>
      <c r="D53" s="85"/>
      <c r="E53" s="174"/>
      <c r="F53" s="297"/>
      <c r="G53" s="103"/>
      <c r="H53" s="103"/>
      <c r="I53" s="326"/>
    </row>
    <row r="54" spans="1:9" s="94" customFormat="1" ht="9.9499999999999993" customHeight="1">
      <c r="A54" s="362"/>
      <c r="B54" s="314"/>
      <c r="C54" s="473" t="s">
        <v>408</v>
      </c>
      <c r="D54" s="86" t="s">
        <v>422</v>
      </c>
      <c r="E54" s="208" t="s">
        <v>71</v>
      </c>
      <c r="F54" s="466">
        <v>20</v>
      </c>
      <c r="G54" s="101"/>
      <c r="H54" s="304"/>
      <c r="I54" s="351"/>
    </row>
    <row r="55" spans="1:9" s="95" customFormat="1" ht="9.9499999999999993" customHeight="1">
      <c r="A55" s="338"/>
      <c r="B55" s="221"/>
      <c r="C55" s="84"/>
      <c r="D55" s="84"/>
      <c r="E55" s="211"/>
      <c r="F55" s="291"/>
      <c r="G55" s="212"/>
      <c r="H55" s="292"/>
      <c r="I55" s="345"/>
    </row>
    <row r="56" spans="1:9" s="95" customFormat="1" ht="9.9499999999999993" customHeight="1">
      <c r="A56" s="294"/>
      <c r="B56" s="295"/>
      <c r="C56" s="472"/>
      <c r="D56" s="85"/>
      <c r="E56" s="174"/>
      <c r="F56" s="297"/>
      <c r="G56" s="206"/>
      <c r="H56" s="103"/>
      <c r="I56" s="326"/>
    </row>
    <row r="57" spans="1:9" s="94" customFormat="1" ht="9.9499999999999993" customHeight="1">
      <c r="A57" s="342"/>
      <c r="B57" s="314"/>
      <c r="C57" s="473" t="s">
        <v>408</v>
      </c>
      <c r="D57" s="86" t="s">
        <v>423</v>
      </c>
      <c r="E57" s="208" t="s">
        <v>71</v>
      </c>
      <c r="F57" s="466">
        <v>18.5</v>
      </c>
      <c r="G57" s="101"/>
      <c r="H57" s="304"/>
      <c r="I57" s="351"/>
    </row>
    <row r="58" spans="1:9" s="95" customFormat="1" ht="9.9499999999999993" customHeight="1">
      <c r="A58" s="352"/>
      <c r="B58" s="68"/>
      <c r="C58" s="84"/>
      <c r="D58" s="84"/>
      <c r="E58" s="211"/>
      <c r="F58" s="70"/>
      <c r="G58" s="103"/>
      <c r="H58" s="292"/>
      <c r="I58" s="345"/>
    </row>
    <row r="59" spans="1:9" s="95" customFormat="1" ht="9.9499999999999993" customHeight="1">
      <c r="A59" s="352"/>
      <c r="B59" s="73"/>
      <c r="C59" s="472"/>
      <c r="D59" s="85"/>
      <c r="E59" s="174"/>
      <c r="F59" s="75"/>
      <c r="G59" s="103"/>
      <c r="H59" s="103"/>
      <c r="I59" s="326"/>
    </row>
    <row r="60" spans="1:9" s="94" customFormat="1" ht="9.9499999999999993" customHeight="1">
      <c r="A60" s="362"/>
      <c r="B60" s="77"/>
      <c r="C60" s="473" t="s">
        <v>408</v>
      </c>
      <c r="D60" s="86" t="s">
        <v>424</v>
      </c>
      <c r="E60" s="208" t="s">
        <v>71</v>
      </c>
      <c r="F60" s="855">
        <v>15</v>
      </c>
      <c r="G60" s="101"/>
      <c r="H60" s="304"/>
      <c r="I60" s="351"/>
    </row>
    <row r="61" spans="1:9" s="95" customFormat="1" ht="9.9499999999999993" customHeight="1">
      <c r="A61" s="352"/>
      <c r="B61" s="73"/>
      <c r="C61" s="84"/>
      <c r="D61" s="84"/>
      <c r="E61" s="211"/>
      <c r="F61" s="551"/>
      <c r="G61" s="103"/>
      <c r="H61" s="102"/>
      <c r="I61" s="556"/>
    </row>
    <row r="62" spans="1:9" s="95" customFormat="1" ht="9.9499999999999993" customHeight="1">
      <c r="A62" s="352"/>
      <c r="B62" s="73"/>
      <c r="C62" s="472" t="s">
        <v>357</v>
      </c>
      <c r="D62" s="85"/>
      <c r="E62" s="174"/>
      <c r="F62" s="551"/>
      <c r="G62" s="103"/>
      <c r="H62" s="298"/>
      <c r="I62" s="553"/>
    </row>
    <row r="63" spans="1:9" s="94" customFormat="1" ht="9.9499999999999993" customHeight="1">
      <c r="A63" s="362"/>
      <c r="B63" s="77"/>
      <c r="C63" s="473" t="s">
        <v>358</v>
      </c>
      <c r="D63" s="86"/>
      <c r="E63" s="208" t="s">
        <v>289</v>
      </c>
      <c r="F63" s="554">
        <v>1</v>
      </c>
      <c r="G63" s="101"/>
      <c r="H63" s="369"/>
      <c r="I63" s="555"/>
    </row>
    <row r="64" spans="1:9" s="95" customFormat="1" ht="9.9499999999999993" customHeight="1">
      <c r="A64" s="352"/>
      <c r="B64" s="68"/>
      <c r="C64" s="84"/>
      <c r="D64" s="84"/>
      <c r="E64" s="211"/>
      <c r="F64" s="217"/>
      <c r="G64" s="218"/>
      <c r="H64" s="292"/>
      <c r="I64" s="339"/>
    </row>
    <row r="65" spans="1:9" s="95" customFormat="1" ht="9.9499999999999993" customHeight="1">
      <c r="A65" s="352"/>
      <c r="B65" s="73"/>
      <c r="C65" s="472"/>
      <c r="D65" s="85"/>
      <c r="E65" s="174"/>
      <c r="F65" s="246"/>
      <c r="G65" s="219"/>
      <c r="H65" s="103"/>
      <c r="I65" s="341"/>
    </row>
    <row r="66" spans="1:9" s="94" customFormat="1" ht="9.9499999999999993" customHeight="1">
      <c r="A66" s="362"/>
      <c r="B66" s="77"/>
      <c r="C66" s="473" t="s">
        <v>425</v>
      </c>
      <c r="D66" s="86"/>
      <c r="E66" s="208"/>
      <c r="F66" s="246"/>
      <c r="G66" s="219"/>
      <c r="H66" s="304"/>
      <c r="I66" s="366"/>
    </row>
    <row r="67" spans="1:9" s="95" customFormat="1" ht="9.9499999999999993" customHeight="1">
      <c r="A67" s="352"/>
      <c r="B67" s="68"/>
      <c r="C67" s="68"/>
      <c r="D67" s="89"/>
      <c r="E67" s="69"/>
      <c r="F67" s="70"/>
      <c r="G67" s="173"/>
      <c r="H67" s="179"/>
      <c r="I67" s="345"/>
    </row>
    <row r="68" spans="1:9" s="95" customFormat="1" ht="9.9499999999999993" customHeight="1">
      <c r="A68" s="352"/>
      <c r="B68" s="73"/>
      <c r="C68" s="73"/>
      <c r="D68" s="73"/>
      <c r="E68" s="74"/>
      <c r="F68" s="75"/>
      <c r="G68" s="171"/>
      <c r="H68" s="180"/>
      <c r="I68" s="326"/>
    </row>
    <row r="69" spans="1:9" s="94" customFormat="1" ht="9.9499999999999993" customHeight="1">
      <c r="A69" s="362"/>
      <c r="B69" s="93"/>
      <c r="C69" s="77"/>
      <c r="D69" s="77"/>
      <c r="E69" s="78"/>
      <c r="F69" s="79"/>
      <c r="G69" s="172"/>
      <c r="H69" s="304"/>
      <c r="I69" s="351"/>
    </row>
    <row r="70" spans="1:9" s="95" customFormat="1" ht="9.9499999999999993" customHeight="1">
      <c r="A70" s="352"/>
      <c r="B70" s="120"/>
      <c r="C70" s="221"/>
      <c r="D70" s="221"/>
      <c r="E70" s="211"/>
      <c r="F70" s="225"/>
      <c r="G70" s="218"/>
      <c r="H70" s="292"/>
      <c r="I70" s="345"/>
    </row>
    <row r="71" spans="1:9" s="95" customFormat="1" ht="9.9499999999999993" customHeight="1">
      <c r="A71" s="352"/>
      <c r="B71" s="125"/>
      <c r="C71" s="236"/>
      <c r="D71" s="237"/>
      <c r="E71" s="174"/>
      <c r="F71" s="227"/>
      <c r="G71" s="219"/>
      <c r="H71" s="103"/>
      <c r="I71" s="326"/>
    </row>
    <row r="72" spans="1:9" s="94" customFormat="1" ht="9.9499999999999993" customHeight="1">
      <c r="A72" s="362"/>
      <c r="B72" s="130"/>
      <c r="C72" s="244"/>
      <c r="D72" s="474"/>
      <c r="E72" s="208"/>
      <c r="F72" s="227"/>
      <c r="G72" s="219"/>
      <c r="H72" s="304"/>
      <c r="I72" s="351"/>
    </row>
    <row r="73" spans="1:9" s="95" customFormat="1" ht="9.9499999999999993" customHeight="1">
      <c r="A73" s="352"/>
      <c r="B73" s="120"/>
      <c r="C73" s="120"/>
      <c r="D73" s="121"/>
      <c r="E73" s="121"/>
      <c r="F73" s="122"/>
      <c r="G73" s="106"/>
      <c r="H73" s="112"/>
      <c r="I73" s="339"/>
    </row>
    <row r="74" spans="1:9" s="95" customFormat="1" ht="9.9499999999999993" customHeight="1">
      <c r="A74" s="352"/>
      <c r="B74" s="125"/>
      <c r="C74" s="295"/>
      <c r="D74" s="327"/>
      <c r="E74" s="296"/>
      <c r="F74" s="297"/>
      <c r="G74" s="206"/>
      <c r="H74" s="103"/>
      <c r="I74" s="341"/>
    </row>
    <row r="75" spans="1:9" s="94" customFormat="1" ht="9.9499999999999993" customHeight="1">
      <c r="A75" s="362"/>
      <c r="B75" s="130"/>
      <c r="C75" s="467"/>
      <c r="D75" s="468"/>
      <c r="E75" s="315"/>
      <c r="F75" s="466"/>
      <c r="G75" s="101"/>
      <c r="H75" s="304"/>
      <c r="I75" s="366"/>
    </row>
    <row r="76" spans="1:9" s="95" customFormat="1" ht="9.9499999999999993" customHeight="1">
      <c r="A76" s="338"/>
      <c r="B76" s="120"/>
      <c r="C76" s="120"/>
      <c r="D76" s="121"/>
      <c r="E76" s="121"/>
      <c r="F76" s="122"/>
      <c r="G76" s="106"/>
      <c r="H76" s="112"/>
      <c r="I76" s="139"/>
    </row>
    <row r="77" spans="1:9" s="95" customFormat="1" ht="9.9499999999999993" customHeight="1">
      <c r="A77" s="294"/>
      <c r="B77" s="295"/>
      <c r="C77" s="295"/>
      <c r="D77" s="327"/>
      <c r="E77" s="296"/>
      <c r="F77" s="297"/>
      <c r="G77" s="206"/>
      <c r="H77" s="103"/>
      <c r="I77" s="367"/>
    </row>
    <row r="78" spans="1:9" s="94" customFormat="1" ht="9.9499999999999993" customHeight="1">
      <c r="A78" s="342"/>
      <c r="B78" s="314"/>
      <c r="C78" s="467"/>
      <c r="D78" s="468"/>
      <c r="E78" s="315"/>
      <c r="F78" s="466"/>
      <c r="G78" s="101"/>
      <c r="H78" s="304"/>
      <c r="I78" s="366"/>
    </row>
    <row r="79" spans="1:9" s="95" customFormat="1" ht="9.75" customHeight="1">
      <c r="A79" s="343"/>
      <c r="B79" s="68"/>
      <c r="C79" s="68"/>
      <c r="D79" s="89"/>
      <c r="E79" s="69"/>
      <c r="F79" s="70"/>
      <c r="G79" s="173"/>
      <c r="H79" s="179"/>
      <c r="I79" s="139"/>
    </row>
    <row r="80" spans="1:9" s="95" customFormat="1" ht="9.75" customHeight="1">
      <c r="A80" s="294"/>
      <c r="B80" s="73"/>
      <c r="C80" s="73"/>
      <c r="D80" s="73"/>
      <c r="E80" s="74"/>
      <c r="F80" s="75"/>
      <c r="G80" s="171"/>
      <c r="H80" s="180"/>
      <c r="I80" s="367"/>
    </row>
    <row r="81" spans="1:13" s="94" customFormat="1" ht="9.9499999999999993" customHeight="1">
      <c r="A81" s="437"/>
      <c r="B81" s="438"/>
      <c r="C81" s="438"/>
      <c r="D81" s="438"/>
      <c r="E81" s="439"/>
      <c r="F81" s="440"/>
      <c r="G81" s="441"/>
      <c r="H81" s="442"/>
      <c r="I81" s="443"/>
    </row>
    <row r="82" spans="1:13" s="96" customFormat="1" ht="30" customHeight="1">
      <c r="A82" s="116" t="s">
        <v>39</v>
      </c>
      <c r="B82" s="117" t="s">
        <v>40</v>
      </c>
      <c r="C82" s="117" t="s">
        <v>36</v>
      </c>
      <c r="D82" s="117" t="s">
        <v>37</v>
      </c>
      <c r="E82" s="117" t="s">
        <v>33</v>
      </c>
      <c r="F82" s="117" t="s">
        <v>32</v>
      </c>
      <c r="G82" s="117" t="s">
        <v>34</v>
      </c>
      <c r="H82" s="114" t="s">
        <v>35</v>
      </c>
      <c r="I82" s="118" t="s">
        <v>38</v>
      </c>
    </row>
    <row r="83" spans="1:13" s="95" customFormat="1" ht="9.9499999999999993" customHeight="1">
      <c r="A83" s="642"/>
      <c r="B83" s="221"/>
      <c r="C83" s="221"/>
      <c r="D83" s="221"/>
      <c r="E83" s="231"/>
      <c r="F83" s="291"/>
      <c r="G83" s="102"/>
      <c r="H83" s="292"/>
      <c r="I83" s="71"/>
    </row>
    <row r="84" spans="1:13" s="95" customFormat="1" ht="9.9499999999999993" customHeight="1">
      <c r="A84" s="320" t="s">
        <v>433</v>
      </c>
      <c r="B84" s="295"/>
      <c r="C84" s="295"/>
      <c r="D84" s="295"/>
      <c r="E84" s="296"/>
      <c r="F84" s="297"/>
      <c r="G84" s="103"/>
      <c r="H84" s="298"/>
      <c r="I84" s="76"/>
    </row>
    <row r="85" spans="1:13" s="94" customFormat="1" ht="9.9499999999999993" customHeight="1">
      <c r="A85" s="645"/>
      <c r="B85" s="301"/>
      <c r="C85" s="302"/>
      <c r="D85" s="302"/>
      <c r="E85" s="302"/>
      <c r="F85" s="303"/>
      <c r="G85" s="101"/>
      <c r="H85" s="304"/>
      <c r="I85" s="186"/>
    </row>
    <row r="86" spans="1:13" s="95" customFormat="1" ht="9.9499999999999993" customHeight="1">
      <c r="A86" s="290"/>
      <c r="B86" s="221"/>
      <c r="C86" s="221"/>
      <c r="D86" s="221"/>
      <c r="E86" s="231"/>
      <c r="F86" s="636"/>
      <c r="G86" s="212"/>
      <c r="H86" s="213"/>
      <c r="I86" s="71"/>
    </row>
    <row r="87" spans="1:13" s="95" customFormat="1" ht="9.9499999999999993" customHeight="1">
      <c r="A87" s="320"/>
      <c r="B87" s="295" t="s">
        <v>281</v>
      </c>
      <c r="C87" s="295"/>
      <c r="D87" s="295"/>
      <c r="E87" s="296"/>
      <c r="F87" s="637"/>
      <c r="G87" s="206"/>
      <c r="H87" s="207"/>
      <c r="I87" s="76"/>
    </row>
    <row r="88" spans="1:13" s="94" customFormat="1" ht="9.9499999999999993" customHeight="1">
      <c r="A88" s="300"/>
      <c r="B88" s="314"/>
      <c r="C88" s="314"/>
      <c r="D88" s="301"/>
      <c r="E88" s="315"/>
      <c r="F88" s="484"/>
      <c r="G88" s="638"/>
      <c r="H88" s="304"/>
      <c r="I88" s="190"/>
    </row>
    <row r="89" spans="1:13" s="95" customFormat="1" ht="9.9499999999999993" customHeight="1">
      <c r="A89" s="290"/>
      <c r="B89" s="221"/>
      <c r="C89" s="354"/>
      <c r="D89" s="355"/>
      <c r="E89" s="355"/>
      <c r="F89" s="356"/>
      <c r="G89" s="357"/>
      <c r="H89" s="357"/>
      <c r="I89" s="71"/>
      <c r="L89" s="238"/>
    </row>
    <row r="90" spans="1:13" s="95" customFormat="1" ht="9.9499999999999993" customHeight="1">
      <c r="A90" s="320"/>
      <c r="B90" s="295"/>
      <c r="C90" s="359"/>
      <c r="D90" s="360"/>
      <c r="E90" s="360" t="s">
        <v>334</v>
      </c>
      <c r="F90" s="356"/>
      <c r="G90" s="653"/>
      <c r="H90" s="653"/>
      <c r="I90" s="193"/>
      <c r="L90" s="238"/>
    </row>
    <row r="91" spans="1:13" s="94" customFormat="1" ht="9.9499999999999993" customHeight="1">
      <c r="A91" s="300"/>
      <c r="B91" s="301"/>
      <c r="C91" s="371" t="s">
        <v>335</v>
      </c>
      <c r="D91" s="364"/>
      <c r="E91" s="364" t="s">
        <v>336</v>
      </c>
      <c r="F91" s="210">
        <v>1</v>
      </c>
      <c r="G91" s="304"/>
      <c r="H91" s="304"/>
      <c r="I91" s="194"/>
      <c r="L91" s="239"/>
    </row>
    <row r="92" spans="1:13" s="95" customFormat="1" ht="9.9499999999999993" customHeight="1">
      <c r="A92" s="290"/>
      <c r="B92" s="221"/>
      <c r="C92" s="654"/>
      <c r="D92" s="655"/>
      <c r="E92" s="656"/>
      <c r="F92" s="356"/>
      <c r="G92" s="357"/>
      <c r="H92" s="102"/>
      <c r="I92" s="71"/>
      <c r="K92" s="94"/>
      <c r="L92" s="238"/>
      <c r="M92" s="94"/>
    </row>
    <row r="93" spans="1:13" s="95" customFormat="1" ht="9.9499999999999993" customHeight="1">
      <c r="A93" s="320"/>
      <c r="B93" s="295"/>
      <c r="C93" s="657"/>
      <c r="D93" s="658"/>
      <c r="E93" s="659"/>
      <c r="F93" s="356"/>
      <c r="G93" s="653"/>
      <c r="H93" s="647"/>
      <c r="I93" s="193"/>
      <c r="K93" s="94"/>
      <c r="L93" s="238"/>
      <c r="M93" s="94"/>
    </row>
    <row r="94" spans="1:13" s="94" customFormat="1" ht="9.9499999999999993" customHeight="1">
      <c r="A94" s="300"/>
      <c r="B94" s="484"/>
      <c r="C94" s="302" t="s">
        <v>318</v>
      </c>
      <c r="D94" s="660"/>
      <c r="E94" s="661"/>
      <c r="F94" s="210"/>
      <c r="G94" s="369"/>
      <c r="H94" s="181"/>
      <c r="I94" s="194"/>
      <c r="L94" s="239"/>
    </row>
    <row r="95" spans="1:13" s="95" customFormat="1" ht="9.9499999999999993" customHeight="1">
      <c r="A95" s="343"/>
      <c r="B95" s="221"/>
      <c r="C95" s="221"/>
      <c r="D95" s="350"/>
      <c r="E95" s="231"/>
      <c r="F95" s="291"/>
      <c r="G95" s="212"/>
      <c r="H95" s="292"/>
      <c r="I95" s="71"/>
      <c r="K95" s="94"/>
      <c r="L95" s="238"/>
      <c r="M95" s="94"/>
    </row>
    <row r="96" spans="1:13" s="95" customFormat="1" ht="9.9499999999999993" customHeight="1">
      <c r="A96" s="294"/>
      <c r="B96" s="295"/>
      <c r="C96" s="295"/>
      <c r="D96" s="327"/>
      <c r="E96" s="296"/>
      <c r="F96" s="297"/>
      <c r="G96" s="206"/>
      <c r="H96" s="103"/>
      <c r="I96" s="193"/>
      <c r="K96" s="94"/>
      <c r="L96" s="238"/>
      <c r="M96" s="94"/>
    </row>
    <row r="97" spans="1:13" s="94" customFormat="1" ht="9.9499999999999993" customHeight="1">
      <c r="A97" s="344"/>
      <c r="B97" s="314"/>
      <c r="C97" s="467"/>
      <c r="D97" s="468"/>
      <c r="E97" s="315"/>
      <c r="F97" s="466"/>
      <c r="G97" s="101"/>
      <c r="H97" s="304"/>
      <c r="I97" s="194"/>
      <c r="L97" s="239"/>
    </row>
    <row r="98" spans="1:13" s="95" customFormat="1" ht="9.9499999999999993" customHeight="1">
      <c r="A98" s="343"/>
      <c r="B98" s="68"/>
      <c r="C98" s="68"/>
      <c r="D98" s="89"/>
      <c r="E98" s="231"/>
      <c r="F98" s="291"/>
      <c r="G98" s="212"/>
      <c r="H98" s="292"/>
      <c r="I98" s="71"/>
      <c r="K98" s="94"/>
      <c r="L98" s="543"/>
      <c r="M98" s="94"/>
    </row>
    <row r="99" spans="1:13" s="95" customFormat="1" ht="9.9499999999999993" customHeight="1">
      <c r="A99" s="294"/>
      <c r="B99" s="73"/>
      <c r="C99" s="73"/>
      <c r="D99" s="73"/>
      <c r="E99" s="296"/>
      <c r="F99" s="297"/>
      <c r="G99" s="206"/>
      <c r="H99" s="103"/>
      <c r="I99" s="193"/>
      <c r="K99" s="94"/>
      <c r="L99" s="238"/>
      <c r="M99" s="94"/>
    </row>
    <row r="100" spans="1:13" s="94" customFormat="1" ht="9.9499999999999993" customHeight="1">
      <c r="A100" s="344"/>
      <c r="B100" s="77"/>
      <c r="C100" s="77"/>
      <c r="D100" s="77"/>
      <c r="E100" s="315"/>
      <c r="F100" s="466"/>
      <c r="G100" s="101"/>
      <c r="H100" s="304"/>
      <c r="I100" s="194"/>
      <c r="L100" s="239"/>
    </row>
    <row r="101" spans="1:13" s="95" customFormat="1" ht="9.9499999999999993" customHeight="1">
      <c r="A101" s="67"/>
      <c r="B101" s="306"/>
      <c r="C101" s="454"/>
      <c r="D101" s="455"/>
      <c r="E101" s="454"/>
      <c r="F101" s="455"/>
      <c r="G101" s="454"/>
      <c r="H101" s="455"/>
      <c r="I101" s="71"/>
      <c r="L101" s="238"/>
      <c r="M101" s="94"/>
    </row>
    <row r="102" spans="1:13" s="95" customFormat="1" ht="9.9499999999999993" customHeight="1">
      <c r="A102" s="72"/>
      <c r="B102" s="310"/>
      <c r="C102" s="454"/>
      <c r="D102" s="456"/>
      <c r="E102" s="454"/>
      <c r="F102" s="456"/>
      <c r="G102" s="454"/>
      <c r="H102" s="456"/>
      <c r="I102" s="193"/>
      <c r="L102" s="238"/>
    </row>
    <row r="103" spans="1:13" s="94" customFormat="1" ht="9.9499999999999993" customHeight="1">
      <c r="A103" s="80"/>
      <c r="B103" s="453"/>
      <c r="C103" s="363"/>
      <c r="D103" s="363"/>
      <c r="E103" s="363"/>
      <c r="F103" s="363"/>
      <c r="G103" s="363"/>
      <c r="H103" s="363"/>
      <c r="I103" s="194"/>
      <c r="L103" s="239"/>
    </row>
    <row r="104" spans="1:13" s="95" customFormat="1" ht="9.9499999999999993" customHeight="1">
      <c r="A104" s="67"/>
      <c r="B104" s="306"/>
      <c r="C104" s="454"/>
      <c r="D104" s="455"/>
      <c r="E104" s="454"/>
      <c r="F104" s="455"/>
      <c r="G104" s="454"/>
      <c r="H104" s="455"/>
      <c r="I104" s="71"/>
    </row>
    <row r="105" spans="1:13" s="95" customFormat="1" ht="9.9499999999999993" customHeight="1">
      <c r="A105" s="72"/>
      <c r="B105" s="310"/>
      <c r="C105" s="454"/>
      <c r="D105" s="456"/>
      <c r="E105" s="454"/>
      <c r="F105" s="456"/>
      <c r="G105" s="454"/>
      <c r="H105" s="456"/>
      <c r="I105" s="193"/>
    </row>
    <row r="106" spans="1:13" s="94" customFormat="1" ht="9.9499999999999993" customHeight="1">
      <c r="A106" s="80"/>
      <c r="B106" s="453"/>
      <c r="C106" s="457"/>
      <c r="D106" s="363"/>
      <c r="E106" s="457"/>
      <c r="F106" s="363"/>
      <c r="G106" s="457"/>
      <c r="H106" s="363"/>
      <c r="I106" s="194"/>
    </row>
    <row r="107" spans="1:13" s="95" customFormat="1" ht="9.9499999999999993" customHeight="1">
      <c r="A107" s="67"/>
      <c r="B107" s="306"/>
      <c r="C107" s="221"/>
      <c r="D107" s="324"/>
      <c r="E107" s="231"/>
      <c r="F107" s="291"/>
      <c r="G107" s="102"/>
      <c r="H107" s="292"/>
      <c r="I107" s="71"/>
    </row>
    <row r="108" spans="1:13" s="95" customFormat="1" ht="9.9499999999999993" customHeight="1">
      <c r="A108" s="72"/>
      <c r="B108" s="310"/>
      <c r="C108" s="295"/>
      <c r="D108" s="451"/>
      <c r="E108" s="296"/>
      <c r="F108" s="297"/>
      <c r="G108" s="103"/>
      <c r="H108" s="103"/>
      <c r="I108" s="193"/>
    </row>
    <row r="109" spans="1:13" s="94" customFormat="1" ht="9.9499999999999993" customHeight="1">
      <c r="A109" s="80"/>
      <c r="B109" s="453"/>
      <c r="C109" s="301"/>
      <c r="D109" s="301"/>
      <c r="E109" s="315"/>
      <c r="F109" s="466"/>
      <c r="G109" s="101"/>
      <c r="H109" s="304"/>
      <c r="I109" s="194"/>
    </row>
    <row r="110" spans="1:13" s="95" customFormat="1" ht="9.9499999999999993" customHeight="1">
      <c r="A110" s="119"/>
      <c r="B110" s="221"/>
      <c r="C110" s="221"/>
      <c r="D110" s="324"/>
      <c r="E110" s="231"/>
      <c r="F110" s="291"/>
      <c r="G110" s="102"/>
      <c r="H110" s="292"/>
      <c r="I110" s="71"/>
    </row>
    <row r="111" spans="1:13" s="95" customFormat="1" ht="9.9499999999999993" customHeight="1">
      <c r="A111" s="124"/>
      <c r="B111" s="295"/>
      <c r="C111" s="295"/>
      <c r="D111" s="451"/>
      <c r="E111" s="296"/>
      <c r="F111" s="297"/>
      <c r="G111" s="103"/>
      <c r="H111" s="103"/>
      <c r="I111" s="193"/>
    </row>
    <row r="112" spans="1:13" s="94" customFormat="1" ht="9.9499999999999993" customHeight="1">
      <c r="A112" s="129"/>
      <c r="B112" s="314"/>
      <c r="C112" s="301"/>
      <c r="D112" s="301"/>
      <c r="E112" s="315"/>
      <c r="F112" s="466"/>
      <c r="G112" s="101"/>
      <c r="H112" s="304"/>
      <c r="I112" s="194"/>
    </row>
    <row r="113" spans="1:9" s="95" customFormat="1" ht="9.9499999999999993" customHeight="1">
      <c r="A113" s="119"/>
      <c r="B113" s="221"/>
      <c r="C113" s="221"/>
      <c r="D113" s="350"/>
      <c r="E113" s="231"/>
      <c r="F113" s="291"/>
      <c r="G113" s="212"/>
      <c r="H113" s="292"/>
      <c r="I113" s="139"/>
    </row>
    <row r="114" spans="1:9" s="95" customFormat="1" ht="9.9499999999999993" customHeight="1">
      <c r="A114" s="124"/>
      <c r="B114" s="295"/>
      <c r="C114" s="295"/>
      <c r="D114" s="327"/>
      <c r="E114" s="296"/>
      <c r="F114" s="297"/>
      <c r="G114" s="206"/>
      <c r="H114" s="103"/>
      <c r="I114" s="128"/>
    </row>
    <row r="115" spans="1:9" s="94" customFormat="1" ht="9.9499999999999993" customHeight="1">
      <c r="A115" s="129"/>
      <c r="B115" s="314"/>
      <c r="C115" s="467"/>
      <c r="D115" s="468"/>
      <c r="E115" s="315"/>
      <c r="F115" s="466"/>
      <c r="G115" s="101"/>
      <c r="H115" s="304"/>
      <c r="I115" s="136"/>
    </row>
    <row r="116" spans="1:9" s="95" customFormat="1" ht="9.9499999999999993" customHeight="1">
      <c r="A116" s="119"/>
      <c r="B116" s="68"/>
      <c r="C116" s="68"/>
      <c r="D116" s="89"/>
      <c r="E116" s="231"/>
      <c r="F116" s="291"/>
      <c r="G116" s="212"/>
      <c r="H116" s="292"/>
      <c r="I116" s="142"/>
    </row>
    <row r="117" spans="1:9" s="95" customFormat="1" ht="9.9499999999999993" customHeight="1">
      <c r="A117" s="124"/>
      <c r="B117" s="73"/>
      <c r="C117" s="73"/>
      <c r="D117" s="73"/>
      <c r="E117" s="296"/>
      <c r="F117" s="297"/>
      <c r="G117" s="206"/>
      <c r="H117" s="103"/>
      <c r="I117" s="128"/>
    </row>
    <row r="118" spans="1:9" s="94" customFormat="1" ht="9.9499999999999993" customHeight="1">
      <c r="A118" s="129"/>
      <c r="B118" s="77"/>
      <c r="C118" s="77"/>
      <c r="D118" s="77"/>
      <c r="E118" s="315"/>
      <c r="F118" s="466"/>
      <c r="G118" s="101"/>
      <c r="H118" s="304"/>
      <c r="I118" s="136"/>
    </row>
    <row r="119" spans="1:9" s="95" customFormat="1" ht="9.9499999999999993" customHeight="1">
      <c r="A119" s="119"/>
      <c r="B119" s="120"/>
      <c r="C119" s="120"/>
      <c r="D119" s="120"/>
      <c r="E119" s="121"/>
      <c r="F119" s="122"/>
      <c r="G119" s="109"/>
      <c r="H119" s="109"/>
      <c r="I119" s="123"/>
    </row>
    <row r="120" spans="1:9" s="95" customFormat="1" ht="9.9499999999999993" customHeight="1">
      <c r="A120" s="124"/>
      <c r="B120" s="125"/>
      <c r="C120" s="125"/>
      <c r="D120" s="125"/>
      <c r="E120" s="126"/>
      <c r="F120" s="127"/>
      <c r="G120" s="110"/>
      <c r="H120" s="110"/>
      <c r="I120" s="128"/>
    </row>
    <row r="121" spans="1:9" s="94" customFormat="1" ht="9.9499999999999993" customHeight="1">
      <c r="A121" s="143"/>
      <c r="B121" s="130"/>
      <c r="C121" s="137"/>
      <c r="D121" s="144"/>
      <c r="E121" s="145"/>
      <c r="F121" s="146"/>
      <c r="G121" s="147"/>
      <c r="H121" s="148"/>
      <c r="I121" s="149"/>
    </row>
    <row r="122" spans="1:9" s="91" customFormat="1" ht="30" customHeight="1">
      <c r="A122" s="962" t="s">
        <v>31</v>
      </c>
      <c r="B122" s="963"/>
      <c r="C122" s="963"/>
      <c r="D122" s="963"/>
      <c r="E122" s="963"/>
      <c r="F122" s="963"/>
      <c r="G122" s="963"/>
      <c r="H122" s="963"/>
      <c r="I122" s="964"/>
    </row>
    <row r="123" spans="1:9" s="90" customFormat="1" ht="30" customHeight="1">
      <c r="A123" s="150" t="s">
        <v>22</v>
      </c>
      <c r="B123" s="151" t="s">
        <v>23</v>
      </c>
      <c r="C123" s="151" t="s">
        <v>24</v>
      </c>
      <c r="D123" s="151" t="s">
        <v>25</v>
      </c>
      <c r="E123" s="151" t="s">
        <v>26</v>
      </c>
      <c r="F123" s="151" t="s">
        <v>27</v>
      </c>
      <c r="G123" s="152" t="s">
        <v>28</v>
      </c>
      <c r="H123" s="153" t="s">
        <v>29</v>
      </c>
      <c r="I123" s="154" t="s">
        <v>30</v>
      </c>
    </row>
    <row r="124" spans="1:9" s="95" customFormat="1" ht="9.9499999999999993" customHeight="1">
      <c r="A124" s="338"/>
      <c r="B124" s="221"/>
      <c r="C124" s="354"/>
      <c r="D124" s="355"/>
      <c r="E124" s="173"/>
      <c r="F124" s="173"/>
      <c r="G124" s="459"/>
      <c r="H124" s="450"/>
      <c r="I124" s="71"/>
    </row>
    <row r="125" spans="1:9" s="95" customFormat="1" ht="9.9499999999999993" customHeight="1">
      <c r="A125" s="294"/>
      <c r="B125" s="295"/>
      <c r="C125" s="359"/>
      <c r="D125" s="360"/>
      <c r="E125" s="171"/>
      <c r="F125" s="171"/>
      <c r="G125" s="460"/>
      <c r="H125" s="452"/>
      <c r="I125" s="76"/>
    </row>
    <row r="126" spans="1:9" s="94" customFormat="1" ht="9.9499999999999993" customHeight="1">
      <c r="A126" s="342"/>
      <c r="B126" s="301"/>
      <c r="C126" s="458"/>
      <c r="D126" s="364"/>
      <c r="E126" s="461"/>
      <c r="F126" s="461"/>
      <c r="G126" s="462"/>
      <c r="H126" s="444"/>
      <c r="I126" s="186"/>
    </row>
    <row r="127" spans="1:9" s="95" customFormat="1" ht="9.9499999999999993" customHeight="1">
      <c r="A127" s="343"/>
      <c r="B127" s="306"/>
      <c r="C127" s="454"/>
      <c r="D127" s="455"/>
      <c r="E127" s="454"/>
      <c r="F127" s="455"/>
      <c r="G127" s="454"/>
      <c r="H127" s="455"/>
      <c r="I127" s="71"/>
    </row>
    <row r="128" spans="1:9" s="95" customFormat="1" ht="9.9499999999999993" customHeight="1">
      <c r="A128" s="294"/>
      <c r="B128" s="310"/>
      <c r="C128" s="454"/>
      <c r="D128" s="456"/>
      <c r="E128" s="454"/>
      <c r="F128" s="456"/>
      <c r="G128" s="454"/>
      <c r="H128" s="456"/>
      <c r="I128" s="76"/>
    </row>
    <row r="129" spans="1:9" s="94" customFormat="1" ht="9.9499999999999993" customHeight="1">
      <c r="A129" s="344"/>
      <c r="B129" s="453"/>
      <c r="C129" s="457"/>
      <c r="D129" s="363"/>
      <c r="E129" s="457"/>
      <c r="F129" s="363"/>
      <c r="G129" s="457"/>
      <c r="H129" s="363"/>
      <c r="I129" s="190"/>
    </row>
    <row r="130" spans="1:9" s="95" customFormat="1" ht="9.9499999999999993" customHeight="1">
      <c r="A130" s="343"/>
      <c r="B130" s="306"/>
      <c r="C130" s="221"/>
      <c r="D130" s="324"/>
      <c r="E130" s="231"/>
      <c r="F130" s="291"/>
      <c r="G130" s="102"/>
      <c r="H130" s="292"/>
      <c r="I130" s="71"/>
    </row>
    <row r="131" spans="1:9" s="95" customFormat="1" ht="9.9499999999999993" customHeight="1">
      <c r="A131" s="294"/>
      <c r="B131" s="310"/>
      <c r="C131" s="295"/>
      <c r="D131" s="451"/>
      <c r="E131" s="296"/>
      <c r="F131" s="297"/>
      <c r="G131" s="103"/>
      <c r="H131" s="103"/>
      <c r="I131" s="193"/>
    </row>
    <row r="132" spans="1:9" s="94" customFormat="1" ht="9.9499999999999993" customHeight="1">
      <c r="A132" s="344"/>
      <c r="B132" s="453"/>
      <c r="C132" s="301"/>
      <c r="D132" s="301"/>
      <c r="E132" s="315"/>
      <c r="F132" s="466"/>
      <c r="G132" s="101"/>
      <c r="H132" s="304"/>
      <c r="I132" s="194"/>
    </row>
    <row r="133" spans="1:9" s="95" customFormat="1" ht="9.9499999999999993" customHeight="1">
      <c r="A133" s="343"/>
      <c r="B133" s="221"/>
      <c r="C133" s="221"/>
      <c r="D133" s="324"/>
      <c r="E133" s="231"/>
      <c r="F133" s="291"/>
      <c r="G133" s="102"/>
      <c r="H133" s="292"/>
      <c r="I133" s="71"/>
    </row>
    <row r="134" spans="1:9" s="95" customFormat="1" ht="9.9499999999999993" customHeight="1">
      <c r="A134" s="294"/>
      <c r="B134" s="295"/>
      <c r="C134" s="295"/>
      <c r="D134" s="451"/>
      <c r="E134" s="296"/>
      <c r="F134" s="297"/>
      <c r="G134" s="103"/>
      <c r="H134" s="103"/>
      <c r="I134" s="193"/>
    </row>
    <row r="135" spans="1:9" s="94" customFormat="1" ht="9.9499999999999993" customHeight="1">
      <c r="A135" s="465"/>
      <c r="B135" s="314"/>
      <c r="C135" s="301"/>
      <c r="D135" s="301"/>
      <c r="E135" s="315"/>
      <c r="F135" s="466"/>
      <c r="G135" s="101"/>
      <c r="H135" s="304"/>
      <c r="I135" s="194"/>
    </row>
    <row r="136" spans="1:9" s="95" customFormat="1" ht="9.9499999999999993" customHeight="1">
      <c r="A136" s="343"/>
      <c r="B136" s="221"/>
      <c r="C136" s="221"/>
      <c r="D136" s="350"/>
      <c r="E136" s="231"/>
      <c r="F136" s="291"/>
      <c r="G136" s="212"/>
      <c r="H136" s="292"/>
      <c r="I136" s="71"/>
    </row>
    <row r="137" spans="1:9" s="95" customFormat="1" ht="9.9499999999999993" customHeight="1">
      <c r="A137" s="294"/>
      <c r="B137" s="295"/>
      <c r="C137" s="295"/>
      <c r="D137" s="327"/>
      <c r="E137" s="296"/>
      <c r="F137" s="297"/>
      <c r="G137" s="206"/>
      <c r="H137" s="103"/>
      <c r="I137" s="193"/>
    </row>
    <row r="138" spans="1:9" s="94" customFormat="1" ht="9.9499999999999993" customHeight="1">
      <c r="A138" s="344"/>
      <c r="B138" s="314"/>
      <c r="C138" s="467"/>
      <c r="D138" s="468"/>
      <c r="E138" s="315"/>
      <c r="F138" s="466"/>
      <c r="G138" s="101"/>
      <c r="H138" s="304"/>
      <c r="I138" s="194"/>
    </row>
    <row r="139" spans="1:9" s="95" customFormat="1" ht="9.9499999999999993" customHeight="1">
      <c r="A139" s="343"/>
      <c r="B139" s="68"/>
      <c r="C139" s="68"/>
      <c r="D139" s="89"/>
      <c r="E139" s="231"/>
      <c r="F139" s="291"/>
      <c r="G139" s="212"/>
      <c r="H139" s="292"/>
      <c r="I139" s="71"/>
    </row>
    <row r="140" spans="1:9" s="95" customFormat="1" ht="9.9499999999999993" customHeight="1">
      <c r="A140" s="294"/>
      <c r="B140" s="73"/>
      <c r="C140" s="73"/>
      <c r="D140" s="73"/>
      <c r="E140" s="296"/>
      <c r="F140" s="297"/>
      <c r="G140" s="206"/>
      <c r="H140" s="103"/>
      <c r="I140" s="193"/>
    </row>
    <row r="141" spans="1:9" s="94" customFormat="1" ht="9.9499999999999993" customHeight="1">
      <c r="A141" s="344"/>
      <c r="B141" s="77"/>
      <c r="C141" s="77"/>
      <c r="D141" s="77"/>
      <c r="E141" s="315"/>
      <c r="F141" s="466"/>
      <c r="G141" s="101"/>
      <c r="H141" s="304"/>
      <c r="I141" s="194"/>
    </row>
    <row r="142" spans="1:9" s="95" customFormat="1" ht="9.9499999999999993" customHeight="1">
      <c r="A142" s="338"/>
      <c r="B142" s="221"/>
      <c r="C142" s="68"/>
      <c r="D142" s="89"/>
      <c r="E142" s="69"/>
      <c r="F142" s="70"/>
      <c r="G142" s="173"/>
      <c r="H142" s="179"/>
      <c r="I142" s="345"/>
    </row>
    <row r="143" spans="1:9" s="95" customFormat="1" ht="9.9499999999999993" customHeight="1">
      <c r="A143" s="294"/>
      <c r="B143" s="295"/>
      <c r="C143" s="73"/>
      <c r="D143" s="73"/>
      <c r="E143" s="74"/>
      <c r="F143" s="75"/>
      <c r="G143" s="171"/>
      <c r="H143" s="180"/>
      <c r="I143" s="326"/>
    </row>
    <row r="144" spans="1:9" s="94" customFormat="1" ht="9.9499999999999993" customHeight="1">
      <c r="A144" s="342"/>
      <c r="B144" s="301"/>
      <c r="C144" s="77"/>
      <c r="D144" s="77"/>
      <c r="E144" s="78"/>
      <c r="F144" s="79"/>
      <c r="G144" s="172"/>
      <c r="H144" s="471"/>
      <c r="I144" s="351"/>
    </row>
    <row r="145" spans="1:12" s="95" customFormat="1" ht="9.9499999999999993" customHeight="1">
      <c r="A145" s="338"/>
      <c r="B145" s="353"/>
      <c r="C145" s="354"/>
      <c r="D145" s="355"/>
      <c r="E145" s="355"/>
      <c r="F145" s="356"/>
      <c r="G145" s="357"/>
      <c r="H145" s="357"/>
      <c r="I145" s="345"/>
    </row>
    <row r="146" spans="1:12" s="95" customFormat="1" ht="9.9499999999999993" customHeight="1">
      <c r="A146" s="294"/>
      <c r="B146" s="358"/>
      <c r="C146" s="359"/>
      <c r="D146" s="360"/>
      <c r="E146" s="360"/>
      <c r="F146" s="356"/>
      <c r="G146" s="361"/>
      <c r="H146" s="361"/>
      <c r="I146" s="326"/>
    </row>
    <row r="147" spans="1:12" s="94" customFormat="1" ht="9.9499999999999993" customHeight="1">
      <c r="A147" s="342"/>
      <c r="B147" s="370"/>
      <c r="C147" s="371"/>
      <c r="D147" s="364"/>
      <c r="E147" s="364"/>
      <c r="F147" s="210"/>
      <c r="G147" s="304"/>
      <c r="H147" s="304"/>
      <c r="I147" s="351"/>
    </row>
    <row r="148" spans="1:12" s="95" customFormat="1" ht="9.9499999999999993" customHeight="1">
      <c r="A148" s="338"/>
      <c r="B148" s="353"/>
      <c r="C148" s="306"/>
      <c r="D148" s="231"/>
      <c r="E148" s="231"/>
      <c r="F148" s="356"/>
      <c r="G148" s="357"/>
      <c r="H148" s="357"/>
      <c r="I148" s="345"/>
    </row>
    <row r="149" spans="1:12" s="95" customFormat="1" ht="9.9499999999999993" customHeight="1">
      <c r="A149" s="294"/>
      <c r="B149" s="358"/>
      <c r="C149" s="310"/>
      <c r="D149" s="296"/>
      <c r="E149" s="296"/>
      <c r="F149" s="356"/>
      <c r="G149" s="361"/>
      <c r="H149" s="361"/>
      <c r="I149" s="326"/>
    </row>
    <row r="150" spans="1:12" s="94" customFormat="1" ht="9.9499999999999993" customHeight="1">
      <c r="A150" s="342"/>
      <c r="B150" s="370"/>
      <c r="C150" s="182"/>
      <c r="D150" s="182"/>
      <c r="E150" s="78"/>
      <c r="F150" s="210"/>
      <c r="G150" s="209"/>
      <c r="H150" s="209"/>
      <c r="I150" s="351"/>
    </row>
    <row r="151" spans="1:12" s="95" customFormat="1" ht="9.9499999999999993" customHeight="1">
      <c r="A151" s="338"/>
      <c r="B151" s="221"/>
      <c r="C151" s="221"/>
      <c r="D151" s="350"/>
      <c r="E151" s="231"/>
      <c r="F151" s="335"/>
      <c r="G151" s="336"/>
      <c r="H151" s="102"/>
      <c r="I151" s="139"/>
      <c r="L151" s="784"/>
    </row>
    <row r="152" spans="1:12" s="95" customFormat="1" ht="9.9499999999999993" customHeight="1">
      <c r="A152" s="294"/>
      <c r="B152" s="295"/>
      <c r="C152" s="295"/>
      <c r="D152" s="327"/>
      <c r="E152" s="296"/>
      <c r="F152" s="297"/>
      <c r="G152" s="336"/>
      <c r="H152" s="340"/>
      <c r="I152" s="367"/>
    </row>
    <row r="153" spans="1:12" s="94" customFormat="1" ht="9.9499999999999993" customHeight="1">
      <c r="A153" s="342"/>
      <c r="B153" s="314"/>
      <c r="C153" s="301"/>
      <c r="D153" s="301"/>
      <c r="E153" s="315"/>
      <c r="F153" s="482"/>
      <c r="G153" s="348"/>
      <c r="H153" s="181"/>
      <c r="I153" s="366"/>
    </row>
    <row r="154" spans="1:12" s="95" customFormat="1" ht="9.9499999999999993" customHeight="1">
      <c r="A154" s="338"/>
      <c r="B154" s="221"/>
      <c r="C154" s="221"/>
      <c r="D154" s="350"/>
      <c r="E154" s="231"/>
      <c r="F154" s="335"/>
      <c r="G154" s="336"/>
      <c r="H154" s="102"/>
      <c r="I154" s="339"/>
    </row>
    <row r="155" spans="1:12" s="95" customFormat="1" ht="9.9499999999999993" customHeight="1">
      <c r="A155" s="294"/>
      <c r="B155" s="295"/>
      <c r="C155" s="295"/>
      <c r="D155" s="327"/>
      <c r="E155" s="296"/>
      <c r="F155" s="297"/>
      <c r="G155" s="336"/>
      <c r="H155" s="340"/>
      <c r="I155" s="341"/>
    </row>
    <row r="156" spans="1:12" s="94" customFormat="1" ht="9.9499999999999993" customHeight="1">
      <c r="A156" s="342"/>
      <c r="B156" s="301"/>
      <c r="C156" s="301"/>
      <c r="D156" s="301"/>
      <c r="E156" s="315"/>
      <c r="F156" s="482"/>
      <c r="G156" s="348"/>
      <c r="H156" s="181"/>
      <c r="I156" s="366"/>
    </row>
    <row r="157" spans="1:12" s="95" customFormat="1" ht="9.9499999999999993" customHeight="1">
      <c r="A157" s="352"/>
      <c r="B157" s="353"/>
      <c r="C157" s="221"/>
      <c r="D157" s="350"/>
      <c r="E157" s="231"/>
      <c r="F157" s="356"/>
      <c r="G157" s="336"/>
      <c r="H157" s="102"/>
      <c r="I157" s="139"/>
    </row>
    <row r="158" spans="1:12" s="95" customFormat="1" ht="9.9499999999999993" customHeight="1">
      <c r="A158" s="352"/>
      <c r="B158" s="358"/>
      <c r="C158" s="295"/>
      <c r="D158" s="327"/>
      <c r="E158" s="296"/>
      <c r="F158" s="356"/>
      <c r="G158" s="336"/>
      <c r="H158" s="340"/>
      <c r="I158" s="367"/>
    </row>
    <row r="159" spans="1:12" s="94" customFormat="1" ht="9.9499999999999993" customHeight="1">
      <c r="A159" s="362"/>
      <c r="B159" s="370"/>
      <c r="C159" s="301"/>
      <c r="D159" s="301"/>
      <c r="E159" s="315"/>
      <c r="F159" s="483"/>
      <c r="G159" s="348"/>
      <c r="H159" s="181"/>
      <c r="I159" s="366"/>
    </row>
    <row r="160" spans="1:12" s="95" customFormat="1" ht="9.75" customHeight="1">
      <c r="A160" s="343"/>
      <c r="B160" s="68"/>
      <c r="C160" s="68"/>
      <c r="D160" s="89"/>
      <c r="E160" s="69"/>
      <c r="F160" s="70"/>
      <c r="G160" s="173"/>
      <c r="H160" s="179"/>
      <c r="I160" s="139"/>
    </row>
    <row r="161" spans="1:13" s="95" customFormat="1" ht="9.75" customHeight="1">
      <c r="A161" s="294"/>
      <c r="B161" s="73"/>
      <c r="C161" s="73"/>
      <c r="D161" s="73"/>
      <c r="E161" s="74"/>
      <c r="F161" s="75"/>
      <c r="G161" s="171"/>
      <c r="H161" s="180"/>
      <c r="I161" s="367"/>
    </row>
    <row r="162" spans="1:13" s="94" customFormat="1" ht="9.9499999999999993" customHeight="1">
      <c r="A162" s="437"/>
      <c r="B162" s="438"/>
      <c r="C162" s="438"/>
      <c r="D162" s="438"/>
      <c r="E162" s="439"/>
      <c r="F162" s="440"/>
      <c r="G162" s="441"/>
      <c r="H162" s="442"/>
      <c r="I162" s="443"/>
    </row>
    <row r="163" spans="1:13" s="96" customFormat="1" ht="30" customHeight="1">
      <c r="A163" s="854"/>
      <c r="B163" s="852"/>
      <c r="C163" s="852"/>
      <c r="D163" s="852"/>
      <c r="E163" s="852"/>
      <c r="F163" s="852"/>
      <c r="G163" s="852"/>
      <c r="H163" s="853"/>
      <c r="I163" s="852"/>
    </row>
    <row r="164" spans="1:13" s="95" customFormat="1" ht="9.9499999999999993" customHeight="1">
      <c r="A164" s="454"/>
      <c r="B164" s="774"/>
      <c r="C164" s="774"/>
      <c r="D164" s="828"/>
      <c r="E164" s="828"/>
      <c r="F164" s="835"/>
      <c r="G164" s="766"/>
      <c r="H164" s="766"/>
      <c r="I164" s="834"/>
      <c r="J164" s="284"/>
      <c r="K164" s="284"/>
      <c r="L164" s="284"/>
      <c r="M164" s="284"/>
    </row>
    <row r="165" spans="1:13" s="95" customFormat="1" ht="9.9499999999999993" customHeight="1">
      <c r="A165" s="763"/>
      <c r="B165" s="774"/>
      <c r="C165" s="774"/>
      <c r="D165" s="828"/>
      <c r="E165" s="828"/>
      <c r="F165" s="835"/>
      <c r="G165" s="761"/>
      <c r="H165" s="761"/>
      <c r="I165" s="797"/>
      <c r="J165" s="284"/>
      <c r="K165" s="284"/>
      <c r="L165" s="284"/>
      <c r="M165" s="284"/>
    </row>
    <row r="166" spans="1:13" s="94" customFormat="1" ht="9.9499999999999993" customHeight="1">
      <c r="A166" s="457"/>
      <c r="B166" s="756"/>
      <c r="C166" s="838"/>
      <c r="D166" s="838"/>
      <c r="E166" s="776"/>
      <c r="F166" s="835"/>
      <c r="G166" s="839"/>
      <c r="H166" s="839"/>
      <c r="I166" s="834"/>
      <c r="J166" s="286"/>
      <c r="K166" s="286"/>
      <c r="L166" s="286"/>
      <c r="M166" s="286"/>
    </row>
    <row r="167" spans="1:13" s="95" customFormat="1" ht="9.9499999999999993" customHeight="1">
      <c r="A167" s="763"/>
      <c r="B167" s="790"/>
      <c r="C167" s="790"/>
      <c r="D167" s="772"/>
      <c r="E167" s="762"/>
      <c r="F167" s="835"/>
      <c r="G167" s="785"/>
      <c r="H167" s="564"/>
      <c r="I167" s="834"/>
      <c r="J167" s="284"/>
      <c r="K167" s="284"/>
      <c r="L167" s="284"/>
      <c r="M167" s="284"/>
    </row>
    <row r="168" spans="1:13" s="95" customFormat="1" ht="9.9499999999999993" customHeight="1">
      <c r="A168" s="763"/>
      <c r="B168" s="790"/>
      <c r="C168" s="790"/>
      <c r="D168" s="790"/>
      <c r="E168" s="762"/>
      <c r="F168" s="835"/>
      <c r="G168" s="785"/>
      <c r="H168" s="841"/>
      <c r="I168" s="797"/>
      <c r="J168" s="284"/>
      <c r="K168" s="284"/>
      <c r="L168" s="284"/>
      <c r="M168" s="284"/>
    </row>
    <row r="169" spans="1:13" s="94" customFormat="1" ht="9.9499999999999993" customHeight="1">
      <c r="A169" s="781"/>
      <c r="B169" s="772"/>
      <c r="C169" s="772"/>
      <c r="D169" s="772"/>
      <c r="E169" s="776"/>
      <c r="F169" s="848"/>
      <c r="G169" s="844"/>
      <c r="H169" s="770"/>
      <c r="I169" s="834"/>
      <c r="J169" s="286"/>
      <c r="K169" s="286"/>
      <c r="L169" s="286"/>
      <c r="M169" s="286"/>
    </row>
    <row r="170" spans="1:13" s="95" customFormat="1" ht="9.9499999999999993" customHeight="1">
      <c r="A170" s="454"/>
      <c r="B170" s="756"/>
      <c r="C170" s="756"/>
      <c r="D170" s="830"/>
      <c r="E170" s="828"/>
      <c r="F170" s="835"/>
      <c r="G170" s="785"/>
      <c r="H170" s="564"/>
      <c r="I170" s="846"/>
      <c r="J170" s="284"/>
      <c r="K170" s="284"/>
      <c r="L170" s="543"/>
      <c r="M170" s="284"/>
    </row>
    <row r="171" spans="1:13" s="95" customFormat="1" ht="9.9499999999999993" customHeight="1">
      <c r="A171" s="763"/>
      <c r="B171" s="756"/>
      <c r="C171" s="756"/>
      <c r="D171" s="831"/>
      <c r="E171" s="828"/>
      <c r="F171" s="835"/>
      <c r="G171" s="785"/>
      <c r="H171" s="841"/>
      <c r="I171" s="847"/>
      <c r="J171" s="284"/>
      <c r="K171" s="284"/>
      <c r="L171" s="543"/>
      <c r="M171" s="284"/>
    </row>
    <row r="172" spans="1:13" s="94" customFormat="1" ht="9.9499999999999993" customHeight="1">
      <c r="A172" s="457"/>
      <c r="B172" s="767"/>
      <c r="C172" s="767"/>
      <c r="D172" s="767"/>
      <c r="E172" s="829"/>
      <c r="F172" s="848"/>
      <c r="G172" s="844"/>
      <c r="H172" s="770"/>
      <c r="I172" s="845"/>
      <c r="J172" s="286"/>
      <c r="K172" s="286"/>
      <c r="L172" s="544"/>
      <c r="M172" s="286"/>
    </row>
    <row r="173" spans="1:13" s="95" customFormat="1" ht="9.9499999999999993" customHeight="1">
      <c r="A173" s="773"/>
      <c r="B173" s="773"/>
      <c r="C173" s="756"/>
      <c r="D173" s="830"/>
      <c r="E173" s="828"/>
      <c r="F173" s="835"/>
      <c r="G173" s="785"/>
      <c r="H173" s="564"/>
      <c r="I173" s="803"/>
      <c r="J173" s="284"/>
      <c r="K173" s="286"/>
      <c r="L173" s="543"/>
      <c r="M173" s="286"/>
    </row>
    <row r="174" spans="1:13" s="95" customFormat="1" ht="9.9499999999999993" customHeight="1">
      <c r="A174" s="773"/>
      <c r="B174" s="773"/>
      <c r="C174" s="756"/>
      <c r="D174" s="831"/>
      <c r="E174" s="828"/>
      <c r="F174" s="835"/>
      <c r="G174" s="785"/>
      <c r="H174" s="841"/>
      <c r="I174" s="842"/>
      <c r="J174" s="284"/>
      <c r="K174" s="286"/>
      <c r="L174" s="543"/>
      <c r="M174" s="286"/>
    </row>
    <row r="175" spans="1:13" s="94" customFormat="1" ht="9.9499999999999993" customHeight="1">
      <c r="A175" s="773"/>
      <c r="B175" s="836"/>
      <c r="C175" s="767"/>
      <c r="D175" s="767"/>
      <c r="E175" s="829"/>
      <c r="F175" s="848"/>
      <c r="G175" s="844"/>
      <c r="H175" s="770"/>
      <c r="I175" s="845"/>
      <c r="J175" s="286"/>
      <c r="K175" s="286"/>
      <c r="L175" s="544"/>
      <c r="M175" s="286"/>
    </row>
    <row r="176" spans="1:13" s="95" customFormat="1" ht="9.9499999999999993" customHeight="1">
      <c r="A176" s="763"/>
      <c r="B176" s="756"/>
      <c r="C176" s="777"/>
      <c r="D176" s="777"/>
      <c r="E176" s="778"/>
      <c r="F176" s="779"/>
      <c r="G176" s="789"/>
      <c r="H176" s="564"/>
      <c r="I176" s="762"/>
      <c r="J176" s="284"/>
      <c r="K176" s="286"/>
      <c r="L176" s="543"/>
      <c r="M176" s="286"/>
    </row>
    <row r="177" spans="1:13" s="95" customFormat="1" ht="9.9499999999999993" customHeight="1">
      <c r="A177" s="763"/>
      <c r="B177" s="756"/>
      <c r="C177" s="780"/>
      <c r="D177" s="777"/>
      <c r="E177" s="778"/>
      <c r="F177" s="779"/>
      <c r="G177" s="789"/>
      <c r="H177" s="564"/>
      <c r="I177" s="284"/>
      <c r="J177" s="284"/>
      <c r="K177" s="286"/>
      <c r="L177" s="543"/>
      <c r="M177" s="286"/>
    </row>
    <row r="178" spans="1:13" s="94" customFormat="1" ht="9.9499999999999993" customHeight="1">
      <c r="A178" s="781"/>
      <c r="B178" s="756"/>
      <c r="C178" s="780"/>
      <c r="D178" s="782"/>
      <c r="E178" s="783"/>
      <c r="F178" s="784"/>
      <c r="G178" s="785"/>
      <c r="H178" s="786"/>
      <c r="I178" s="787"/>
      <c r="J178" s="286"/>
      <c r="K178" s="286"/>
      <c r="L178" s="544"/>
      <c r="M178" s="286"/>
    </row>
    <row r="179" spans="1:13" s="95" customFormat="1" ht="9.9499999999999993" customHeight="1">
      <c r="A179" s="763"/>
      <c r="B179" s="790"/>
      <c r="C179" s="777"/>
      <c r="D179" s="777"/>
      <c r="E179" s="778"/>
      <c r="F179" s="694"/>
      <c r="G179" s="564"/>
      <c r="H179" s="564"/>
      <c r="I179" s="762"/>
      <c r="J179" s="284"/>
      <c r="K179" s="286"/>
      <c r="L179" s="543"/>
      <c r="M179" s="286"/>
    </row>
    <row r="180" spans="1:13" s="95" customFormat="1" ht="9.9499999999999993" customHeight="1">
      <c r="A180" s="763"/>
      <c r="B180" s="790"/>
      <c r="C180" s="780"/>
      <c r="D180" s="777"/>
      <c r="E180" s="778"/>
      <c r="F180" s="694"/>
      <c r="G180" s="564"/>
      <c r="H180" s="564"/>
      <c r="I180" s="284"/>
      <c r="J180" s="284"/>
      <c r="K180" s="286"/>
      <c r="L180" s="543"/>
      <c r="M180" s="286"/>
    </row>
    <row r="181" spans="1:13" s="94" customFormat="1" ht="9.9499999999999993" customHeight="1">
      <c r="A181" s="781"/>
      <c r="B181" s="772"/>
      <c r="C181" s="780"/>
      <c r="D181" s="782"/>
      <c r="E181" s="783"/>
      <c r="F181" s="791"/>
      <c r="G181" s="785"/>
      <c r="H181" s="786"/>
      <c r="I181" s="787"/>
      <c r="J181" s="286"/>
      <c r="K181" s="286"/>
      <c r="L181" s="544"/>
      <c r="M181" s="286"/>
    </row>
    <row r="182" spans="1:13" s="95" customFormat="1" ht="9.9499999999999993" customHeight="1">
      <c r="A182" s="790"/>
      <c r="B182" s="790"/>
      <c r="C182" s="777"/>
      <c r="D182" s="777"/>
      <c r="E182" s="778"/>
      <c r="F182" s="792"/>
      <c r="G182" s="564"/>
      <c r="H182" s="564"/>
      <c r="I182" s="762"/>
      <c r="J182" s="284"/>
      <c r="K182" s="284"/>
      <c r="L182" s="543"/>
      <c r="M182" s="286"/>
    </row>
    <row r="183" spans="1:13" s="95" customFormat="1" ht="9.9499999999999993" customHeight="1">
      <c r="A183" s="790"/>
      <c r="B183" s="790"/>
      <c r="C183" s="780"/>
      <c r="D183" s="777"/>
      <c r="E183" s="778"/>
      <c r="F183" s="793"/>
      <c r="G183" s="564"/>
      <c r="H183" s="564"/>
      <c r="I183" s="284"/>
      <c r="J183" s="284"/>
      <c r="K183" s="284"/>
      <c r="L183" s="543"/>
      <c r="M183" s="284"/>
    </row>
    <row r="184" spans="1:13" s="94" customFormat="1" ht="9.9499999999999993" customHeight="1">
      <c r="A184" s="772"/>
      <c r="B184" s="772"/>
      <c r="C184" s="780"/>
      <c r="D184" s="782"/>
      <c r="E184" s="783"/>
      <c r="F184" s="793"/>
      <c r="G184" s="785"/>
      <c r="H184" s="786"/>
      <c r="I184" s="787"/>
      <c r="J184" s="286"/>
      <c r="K184" s="286"/>
      <c r="L184" s="544"/>
      <c r="M184" s="286"/>
    </row>
    <row r="185" spans="1:13" s="95" customFormat="1" ht="9.9499999999999993" customHeight="1">
      <c r="A185" s="790"/>
      <c r="B185" s="790"/>
      <c r="C185" s="777"/>
      <c r="D185" s="777"/>
      <c r="E185" s="778"/>
      <c r="F185" s="792"/>
      <c r="G185" s="794"/>
      <c r="H185" s="564"/>
      <c r="I185" s="762"/>
      <c r="J185" s="284"/>
      <c r="K185" s="284"/>
      <c r="L185" s="284"/>
      <c r="M185" s="284"/>
    </row>
    <row r="186" spans="1:13" s="95" customFormat="1" ht="9.9499999999999993" customHeight="1">
      <c r="A186" s="790"/>
      <c r="B186" s="790"/>
      <c r="C186" s="780"/>
      <c r="D186" s="777"/>
      <c r="E186" s="778"/>
      <c r="F186" s="793"/>
      <c r="G186" s="795"/>
      <c r="H186" s="564"/>
      <c r="I186" s="284"/>
      <c r="J186" s="284"/>
      <c r="K186" s="284"/>
      <c r="L186" s="284"/>
      <c r="M186" s="284"/>
    </row>
    <row r="187" spans="1:13" s="94" customFormat="1" ht="9.9499999999999993" customHeight="1">
      <c r="A187" s="772"/>
      <c r="B187" s="772"/>
      <c r="C187" s="780"/>
      <c r="D187" s="782"/>
      <c r="E187" s="783"/>
      <c r="F187" s="793"/>
      <c r="G187" s="795"/>
      <c r="H187" s="786"/>
      <c r="I187" s="787"/>
      <c r="J187" s="286"/>
      <c r="K187" s="286"/>
      <c r="L187" s="286"/>
      <c r="M187" s="286"/>
    </row>
    <row r="188" spans="1:13" s="95" customFormat="1" ht="9.9499999999999993" customHeight="1">
      <c r="A188" s="790"/>
      <c r="B188" s="790"/>
      <c r="C188" s="777"/>
      <c r="D188" s="777"/>
      <c r="E188" s="778"/>
      <c r="F188" s="792"/>
      <c r="G188" s="794"/>
      <c r="H188" s="564"/>
      <c r="I188" s="762"/>
      <c r="J188" s="284"/>
      <c r="K188" s="284"/>
      <c r="L188" s="284"/>
      <c r="M188" s="284"/>
    </row>
    <row r="189" spans="1:13" s="95" customFormat="1" ht="9.9499999999999993" customHeight="1">
      <c r="A189" s="790"/>
      <c r="B189" s="790"/>
      <c r="C189" s="780"/>
      <c r="D189" s="777"/>
      <c r="E189" s="778"/>
      <c r="F189" s="793"/>
      <c r="G189" s="795"/>
      <c r="H189" s="564"/>
      <c r="I189" s="284"/>
      <c r="J189" s="284"/>
      <c r="K189" s="284"/>
      <c r="L189" s="284"/>
      <c r="M189" s="284"/>
    </row>
    <row r="190" spans="1:13" s="94" customFormat="1" ht="9.9499999999999993" customHeight="1">
      <c r="A190" s="772"/>
      <c r="B190" s="790"/>
      <c r="C190" s="780"/>
      <c r="D190" s="782"/>
      <c r="E190" s="783"/>
      <c r="F190" s="793"/>
      <c r="G190" s="795"/>
      <c r="H190" s="786"/>
      <c r="I190" s="787"/>
      <c r="J190" s="286"/>
      <c r="K190" s="286"/>
      <c r="L190" s="286"/>
      <c r="M190" s="286"/>
    </row>
    <row r="191" spans="1:13" s="95" customFormat="1" ht="9.9499999999999993" customHeight="1">
      <c r="A191" s="796"/>
      <c r="B191" s="796"/>
      <c r="C191" s="756"/>
      <c r="D191" s="756"/>
      <c r="E191" s="778"/>
      <c r="F191" s="792"/>
      <c r="G191" s="794"/>
      <c r="H191" s="564"/>
      <c r="I191" s="762"/>
      <c r="J191" s="284"/>
      <c r="K191" s="284"/>
      <c r="L191" s="284"/>
      <c r="M191" s="284"/>
    </row>
    <row r="192" spans="1:13" s="95" customFormat="1" ht="9.9499999999999993" customHeight="1">
      <c r="A192" s="796"/>
      <c r="B192" s="796"/>
      <c r="C192" s="797"/>
      <c r="D192" s="798"/>
      <c r="E192" s="778"/>
      <c r="F192" s="793"/>
      <c r="G192" s="795"/>
      <c r="H192" s="564"/>
      <c r="I192" s="284"/>
      <c r="J192" s="284"/>
      <c r="K192" s="284"/>
      <c r="L192" s="284"/>
      <c r="M192" s="284"/>
    </row>
    <row r="193" spans="1:13" s="94" customFormat="1" ht="9.9499999999999993" customHeight="1">
      <c r="A193" s="799"/>
      <c r="B193" s="799"/>
      <c r="C193" s="800"/>
      <c r="D193" s="801"/>
      <c r="E193" s="783"/>
      <c r="F193" s="793"/>
      <c r="G193" s="795"/>
      <c r="H193" s="786"/>
      <c r="I193" s="787"/>
      <c r="J193" s="286"/>
      <c r="K193" s="286"/>
      <c r="L193" s="286"/>
      <c r="M193" s="286"/>
    </row>
    <row r="194" spans="1:13" s="95" customFormat="1" ht="9.9499999999999993" customHeight="1">
      <c r="A194" s="796"/>
      <c r="B194" s="796"/>
      <c r="C194" s="790"/>
      <c r="D194" s="772"/>
      <c r="E194" s="762"/>
      <c r="F194" s="694"/>
      <c r="G194" s="759"/>
      <c r="H194" s="802"/>
      <c r="I194" s="803"/>
      <c r="J194" s="284"/>
      <c r="K194" s="284"/>
      <c r="L194" s="284"/>
      <c r="M194" s="284"/>
    </row>
    <row r="195" spans="1:13" s="95" customFormat="1" ht="9.9499999999999993" customHeight="1">
      <c r="A195" s="796"/>
      <c r="B195" s="796"/>
      <c r="C195" s="790"/>
      <c r="D195" s="790"/>
      <c r="E195" s="762"/>
      <c r="F195" s="694"/>
      <c r="G195" s="759"/>
      <c r="H195" s="804"/>
      <c r="I195" s="805"/>
      <c r="J195" s="284"/>
      <c r="K195" s="284"/>
      <c r="L195" s="284"/>
      <c r="M195" s="284"/>
    </row>
    <row r="196" spans="1:13" s="94" customFormat="1" ht="9.9499999999999993" customHeight="1">
      <c r="A196" s="799"/>
      <c r="B196" s="799"/>
      <c r="C196" s="772"/>
      <c r="D196" s="772"/>
      <c r="E196" s="776"/>
      <c r="F196" s="791"/>
      <c r="G196" s="806"/>
      <c r="H196" s="807"/>
      <c r="I196" s="808"/>
      <c r="J196" s="286"/>
      <c r="K196" s="286"/>
      <c r="L196" s="286"/>
      <c r="M196" s="286"/>
    </row>
    <row r="197" spans="1:13" s="95" customFormat="1" ht="9.9499999999999993" customHeight="1">
      <c r="A197" s="796"/>
      <c r="B197" s="796"/>
      <c r="C197" s="796"/>
      <c r="D197" s="805"/>
      <c r="E197" s="805"/>
      <c r="F197" s="809"/>
      <c r="G197" s="810"/>
      <c r="H197" s="811"/>
      <c r="I197" s="812"/>
      <c r="J197" s="284"/>
      <c r="K197" s="284"/>
      <c r="L197" s="284"/>
      <c r="M197" s="284"/>
    </row>
    <row r="198" spans="1:13" s="95" customFormat="1" ht="9.9499999999999993" customHeight="1">
      <c r="A198" s="796"/>
      <c r="B198" s="796"/>
      <c r="C198" s="796"/>
      <c r="D198" s="805"/>
      <c r="E198" s="805"/>
      <c r="F198" s="809"/>
      <c r="G198" s="810"/>
      <c r="H198" s="813"/>
      <c r="I198" s="805"/>
      <c r="J198" s="284"/>
      <c r="K198" s="284"/>
      <c r="L198" s="284"/>
      <c r="M198" s="284"/>
    </row>
    <row r="199" spans="1:13" s="94" customFormat="1" ht="9.9499999999999993" customHeight="1">
      <c r="A199" s="799"/>
      <c r="B199" s="799"/>
      <c r="C199" s="796"/>
      <c r="D199" s="799"/>
      <c r="E199" s="814"/>
      <c r="F199" s="815"/>
      <c r="G199" s="816"/>
      <c r="H199" s="817"/>
      <c r="I199" s="808"/>
      <c r="J199" s="286"/>
      <c r="K199" s="286"/>
      <c r="L199" s="286"/>
      <c r="M199" s="286"/>
    </row>
    <row r="200" spans="1:13" s="95" customFormat="1" ht="9.9499999999999993" customHeight="1">
      <c r="A200" s="796"/>
      <c r="B200" s="796"/>
      <c r="C200" s="796"/>
      <c r="D200" s="796"/>
      <c r="E200" s="805"/>
      <c r="F200" s="809"/>
      <c r="G200" s="818"/>
      <c r="H200" s="818"/>
      <c r="I200" s="805"/>
      <c r="J200" s="284"/>
      <c r="K200" s="284"/>
      <c r="L200" s="284"/>
      <c r="M200" s="284"/>
    </row>
    <row r="201" spans="1:13" s="95" customFormat="1" ht="9.9499999999999993" customHeight="1">
      <c r="A201" s="796"/>
      <c r="B201" s="796"/>
      <c r="C201" s="796"/>
      <c r="D201" s="796"/>
      <c r="E201" s="805"/>
      <c r="F201" s="809"/>
      <c r="G201" s="818"/>
      <c r="H201" s="818"/>
      <c r="I201" s="805"/>
      <c r="J201" s="284"/>
      <c r="K201" s="284"/>
      <c r="L201" s="284"/>
      <c r="M201" s="284"/>
    </row>
    <row r="202" spans="1:13" s="94" customFormat="1" ht="9.9499999999999993" customHeight="1">
      <c r="A202" s="799"/>
      <c r="B202" s="799"/>
      <c r="C202" s="796"/>
      <c r="D202" s="799"/>
      <c r="E202" s="814"/>
      <c r="F202" s="819"/>
      <c r="G202" s="820"/>
      <c r="H202" s="821"/>
      <c r="I202" s="814"/>
      <c r="J202" s="286"/>
      <c r="K202" s="286"/>
      <c r="L202" s="286"/>
      <c r="M202" s="286"/>
    </row>
    <row r="203" spans="1:13" s="91" customFormat="1" ht="30" customHeight="1">
      <c r="A203" s="965"/>
      <c r="B203" s="965"/>
      <c r="C203" s="965"/>
      <c r="D203" s="965"/>
      <c r="E203" s="965"/>
      <c r="F203" s="965"/>
      <c r="G203" s="965"/>
      <c r="H203" s="965"/>
      <c r="I203" s="965"/>
      <c r="J203" s="822"/>
      <c r="K203" s="822"/>
      <c r="L203" s="822"/>
      <c r="M203" s="822"/>
    </row>
    <row r="204" spans="1:13" s="90" customFormat="1" ht="30" customHeight="1">
      <c r="A204" s="823"/>
      <c r="B204" s="823"/>
      <c r="C204" s="823"/>
      <c r="D204" s="823"/>
      <c r="E204" s="823"/>
      <c r="F204" s="823"/>
      <c r="G204" s="824"/>
      <c r="H204" s="825"/>
      <c r="I204" s="823"/>
      <c r="J204" s="826"/>
      <c r="K204" s="826"/>
      <c r="L204" s="826"/>
      <c r="M204" s="826"/>
    </row>
    <row r="205" spans="1:13" s="95" customFormat="1" ht="9.9499999999999993" customHeight="1">
      <c r="A205" s="454"/>
      <c r="B205" s="756"/>
      <c r="C205" s="757"/>
      <c r="D205" s="758"/>
      <c r="E205" s="759"/>
      <c r="F205" s="759"/>
      <c r="G205" s="760"/>
      <c r="H205" s="761"/>
      <c r="I205" s="762"/>
      <c r="J205" s="284"/>
      <c r="K205" s="284"/>
      <c r="L205" s="284"/>
      <c r="M205" s="284"/>
    </row>
    <row r="206" spans="1:13" s="95" customFormat="1" ht="9.9499999999999993" customHeight="1">
      <c r="A206" s="763"/>
      <c r="B206" s="756"/>
      <c r="C206" s="764"/>
      <c r="D206" s="758"/>
      <c r="E206" s="759"/>
      <c r="F206" s="759"/>
      <c r="G206" s="765"/>
      <c r="H206" s="766"/>
      <c r="I206" s="762"/>
      <c r="J206" s="284"/>
      <c r="K206" s="284"/>
      <c r="L206" s="284"/>
      <c r="M206" s="284"/>
    </row>
    <row r="207" spans="1:13" s="94" customFormat="1" ht="9.9499999999999993" customHeight="1">
      <c r="A207" s="457"/>
      <c r="B207" s="767"/>
      <c r="C207" s="764"/>
      <c r="D207" s="768"/>
      <c r="E207" s="769"/>
      <c r="F207" s="769"/>
      <c r="G207" s="770"/>
      <c r="H207" s="771"/>
      <c r="I207" s="772"/>
      <c r="J207" s="286"/>
      <c r="K207" s="286"/>
      <c r="L207" s="286"/>
      <c r="M207" s="286"/>
    </row>
    <row r="208" spans="1:13" s="95" customFormat="1" ht="9.9499999999999993" customHeight="1">
      <c r="A208" s="763"/>
      <c r="B208" s="774"/>
      <c r="C208" s="454"/>
      <c r="D208" s="454"/>
      <c r="E208" s="454"/>
      <c r="F208" s="454"/>
      <c r="G208" s="454"/>
      <c r="H208" s="454"/>
      <c r="I208" s="762"/>
      <c r="J208" s="284"/>
      <c r="K208" s="284"/>
      <c r="L208" s="284"/>
      <c r="M208" s="284"/>
    </row>
    <row r="209" spans="1:13" s="95" customFormat="1" ht="9.9499999999999993" customHeight="1">
      <c r="A209" s="763"/>
      <c r="B209" s="774"/>
      <c r="C209" s="454"/>
      <c r="D209" s="454"/>
      <c r="E209" s="454"/>
      <c r="F209" s="454"/>
      <c r="G209" s="454"/>
      <c r="H209" s="454"/>
      <c r="I209" s="762"/>
      <c r="J209" s="284"/>
      <c r="K209" s="284"/>
      <c r="L209" s="284"/>
      <c r="M209" s="284"/>
    </row>
    <row r="210" spans="1:13" s="94" customFormat="1" ht="9.9499999999999993" customHeight="1">
      <c r="A210" s="781"/>
      <c r="B210" s="775"/>
      <c r="C210" s="457"/>
      <c r="D210" s="457"/>
      <c r="E210" s="457"/>
      <c r="F210" s="457"/>
      <c r="G210" s="457"/>
      <c r="H210" s="457"/>
      <c r="I210" s="776"/>
      <c r="J210" s="286"/>
      <c r="K210" s="286"/>
      <c r="L210" s="286"/>
      <c r="M210" s="286"/>
    </row>
    <row r="211" spans="1:13" s="95" customFormat="1" ht="9.9499999999999993" customHeight="1">
      <c r="A211" s="763"/>
      <c r="B211" s="774"/>
      <c r="C211" s="756"/>
      <c r="D211" s="827"/>
      <c r="E211" s="828"/>
      <c r="F211" s="779"/>
      <c r="G211" s="564"/>
      <c r="H211" s="564"/>
      <c r="I211" s="762"/>
      <c r="J211" s="284"/>
      <c r="K211" s="284"/>
      <c r="L211" s="284"/>
      <c r="M211" s="284"/>
    </row>
    <row r="212" spans="1:13" s="95" customFormat="1" ht="9.9499999999999993" customHeight="1">
      <c r="A212" s="763"/>
      <c r="B212" s="774"/>
      <c r="C212" s="756"/>
      <c r="D212" s="827"/>
      <c r="E212" s="828"/>
      <c r="F212" s="779"/>
      <c r="G212" s="564"/>
      <c r="H212" s="564"/>
      <c r="I212" s="284"/>
      <c r="J212" s="284"/>
      <c r="K212" s="284"/>
      <c r="L212" s="284"/>
      <c r="M212" s="284"/>
    </row>
    <row r="213" spans="1:13" s="94" customFormat="1" ht="9.9499999999999993" customHeight="1">
      <c r="A213" s="781"/>
      <c r="B213" s="775"/>
      <c r="C213" s="767"/>
      <c r="D213" s="767"/>
      <c r="E213" s="829"/>
      <c r="F213" s="784"/>
      <c r="G213" s="785"/>
      <c r="H213" s="786"/>
      <c r="I213" s="787"/>
      <c r="J213" s="286"/>
      <c r="K213" s="286"/>
      <c r="L213" s="286"/>
      <c r="M213" s="286"/>
    </row>
    <row r="214" spans="1:13" s="95" customFormat="1" ht="9.9499999999999993" customHeight="1">
      <c r="A214" s="763"/>
      <c r="B214" s="756"/>
      <c r="C214" s="756"/>
      <c r="D214" s="827"/>
      <c r="E214" s="828"/>
      <c r="F214" s="779"/>
      <c r="G214" s="564"/>
      <c r="H214" s="564"/>
      <c r="I214" s="762"/>
      <c r="J214" s="284"/>
      <c r="K214" s="284"/>
      <c r="L214" s="284"/>
      <c r="M214" s="284"/>
    </row>
    <row r="215" spans="1:13" s="95" customFormat="1" ht="9.9499999999999993" customHeight="1">
      <c r="A215" s="763"/>
      <c r="B215" s="756"/>
      <c r="C215" s="756"/>
      <c r="D215" s="827"/>
      <c r="E215" s="828"/>
      <c r="F215" s="779"/>
      <c r="G215" s="564"/>
      <c r="H215" s="564"/>
      <c r="I215" s="284"/>
      <c r="J215" s="284"/>
      <c r="K215" s="284"/>
      <c r="L215" s="284"/>
      <c r="M215" s="284"/>
    </row>
    <row r="216" spans="1:13" s="94" customFormat="1" ht="9.9499999999999993" customHeight="1">
      <c r="A216" s="788"/>
      <c r="B216" s="756"/>
      <c r="C216" s="767"/>
      <c r="D216" s="767"/>
      <c r="E216" s="829"/>
      <c r="F216" s="784"/>
      <c r="G216" s="785"/>
      <c r="H216" s="786"/>
      <c r="I216" s="787"/>
      <c r="J216" s="286"/>
      <c r="K216" s="286"/>
      <c r="L216" s="286"/>
      <c r="M216" s="286"/>
    </row>
    <row r="217" spans="1:13" s="95" customFormat="1" ht="9.9499999999999993" customHeight="1">
      <c r="A217" s="763"/>
      <c r="B217" s="756"/>
      <c r="C217" s="756"/>
      <c r="D217" s="830"/>
      <c r="E217" s="828"/>
      <c r="F217" s="779"/>
      <c r="G217" s="789"/>
      <c r="H217" s="564"/>
      <c r="I217" s="762"/>
      <c r="J217" s="284"/>
      <c r="K217" s="284"/>
      <c r="L217" s="284"/>
      <c r="M217" s="284"/>
    </row>
    <row r="218" spans="1:13" s="95" customFormat="1" ht="9.9499999999999993" customHeight="1">
      <c r="A218" s="763"/>
      <c r="B218" s="756"/>
      <c r="C218" s="756"/>
      <c r="D218" s="831"/>
      <c r="E218" s="828"/>
      <c r="F218" s="779"/>
      <c r="G218" s="789"/>
      <c r="H218" s="564"/>
      <c r="I218" s="284"/>
      <c r="J218" s="284"/>
      <c r="K218" s="284"/>
      <c r="L218" s="284"/>
      <c r="M218" s="284"/>
    </row>
    <row r="219" spans="1:13" s="94" customFormat="1" ht="9.9499999999999993" customHeight="1">
      <c r="A219" s="781"/>
      <c r="B219" s="756"/>
      <c r="C219" s="832"/>
      <c r="D219" s="833"/>
      <c r="E219" s="829"/>
      <c r="F219" s="784"/>
      <c r="G219" s="785"/>
      <c r="H219" s="786"/>
      <c r="I219" s="787"/>
      <c r="J219" s="286"/>
      <c r="K219" s="286"/>
      <c r="L219" s="286"/>
      <c r="M219" s="286"/>
    </row>
    <row r="220" spans="1:13" s="95" customFormat="1" ht="9.9499999999999993" customHeight="1">
      <c r="A220" s="763"/>
      <c r="B220" s="790"/>
      <c r="C220" s="790"/>
      <c r="D220" s="772"/>
      <c r="E220" s="762"/>
      <c r="F220" s="694"/>
      <c r="G220" s="759"/>
      <c r="H220" s="802"/>
      <c r="I220" s="762"/>
      <c r="J220" s="284"/>
      <c r="K220" s="284"/>
      <c r="L220" s="284"/>
      <c r="M220" s="284"/>
    </row>
    <row r="221" spans="1:13" s="95" customFormat="1" ht="9.9499999999999993" customHeight="1">
      <c r="A221" s="763"/>
      <c r="B221" s="790"/>
      <c r="C221" s="790"/>
      <c r="D221" s="790"/>
      <c r="E221" s="762"/>
      <c r="F221" s="694"/>
      <c r="G221" s="759"/>
      <c r="H221" s="804"/>
      <c r="I221" s="284"/>
      <c r="J221" s="284"/>
      <c r="K221" s="284"/>
      <c r="L221" s="284"/>
      <c r="M221" s="284"/>
    </row>
    <row r="222" spans="1:13" s="94" customFormat="1" ht="9.9499999999999993" customHeight="1">
      <c r="A222" s="781"/>
      <c r="B222" s="772"/>
      <c r="C222" s="772"/>
      <c r="D222" s="772"/>
      <c r="E222" s="776"/>
      <c r="F222" s="791"/>
      <c r="G222" s="806"/>
      <c r="H222" s="807"/>
      <c r="I222" s="787"/>
      <c r="J222" s="286"/>
      <c r="K222" s="286"/>
      <c r="L222" s="286"/>
      <c r="M222" s="286"/>
    </row>
    <row r="223" spans="1:13" s="95" customFormat="1" ht="9.9499999999999993" customHeight="1">
      <c r="A223" s="454"/>
      <c r="B223" s="756"/>
      <c r="C223" s="756"/>
      <c r="D223" s="830"/>
      <c r="E223" s="828"/>
      <c r="F223" s="840"/>
      <c r="G223" s="785"/>
      <c r="H223" s="564"/>
      <c r="I223" s="834"/>
      <c r="J223" s="284"/>
      <c r="K223" s="284"/>
      <c r="L223" s="284"/>
      <c r="M223" s="284"/>
    </row>
    <row r="224" spans="1:13" s="95" customFormat="1" ht="9.9499999999999993" customHeight="1">
      <c r="A224" s="763"/>
      <c r="B224" s="756"/>
      <c r="C224" s="756"/>
      <c r="D224" s="831"/>
      <c r="E224" s="828"/>
      <c r="F224" s="779"/>
      <c r="G224" s="785"/>
      <c r="H224" s="841"/>
      <c r="I224" s="797"/>
      <c r="J224" s="284"/>
      <c r="K224" s="284"/>
      <c r="L224" s="284"/>
      <c r="M224" s="284"/>
    </row>
    <row r="225" spans="1:13" s="94" customFormat="1" ht="9.9499999999999993" customHeight="1">
      <c r="A225" s="457"/>
      <c r="B225" s="767"/>
      <c r="C225" s="767"/>
      <c r="D225" s="767"/>
      <c r="E225" s="829"/>
      <c r="F225" s="785"/>
      <c r="G225" s="785"/>
      <c r="H225" s="786"/>
      <c r="I225" s="834"/>
      <c r="J225" s="286"/>
      <c r="K225" s="286"/>
      <c r="L225" s="286"/>
      <c r="M225" s="286"/>
    </row>
    <row r="226" spans="1:13" s="95" customFormat="1" ht="9.9499999999999993" customHeight="1">
      <c r="A226" s="773"/>
      <c r="B226" s="773"/>
      <c r="C226" s="757"/>
      <c r="D226" s="758"/>
      <c r="E226" s="758"/>
      <c r="F226" s="835"/>
      <c r="G226" s="766"/>
      <c r="H226" s="766"/>
      <c r="I226" s="834"/>
      <c r="J226" s="284"/>
      <c r="K226" s="284"/>
      <c r="L226" s="284"/>
      <c r="M226" s="284"/>
    </row>
    <row r="227" spans="1:13" s="95" customFormat="1" ht="9.9499999999999993" customHeight="1">
      <c r="A227" s="773"/>
      <c r="B227" s="773"/>
      <c r="C227" s="764"/>
      <c r="D227" s="758"/>
      <c r="E227" s="758"/>
      <c r="F227" s="835"/>
      <c r="G227" s="761"/>
      <c r="H227" s="761"/>
      <c r="I227" s="797"/>
      <c r="J227" s="284"/>
      <c r="K227" s="284"/>
      <c r="L227" s="284"/>
      <c r="M227" s="284"/>
    </row>
    <row r="228" spans="1:13" s="94" customFormat="1" ht="9.9499999999999993" customHeight="1">
      <c r="A228" s="773"/>
      <c r="B228" s="836"/>
      <c r="C228" s="837"/>
      <c r="D228" s="768"/>
      <c r="E228" s="768"/>
      <c r="F228" s="835"/>
      <c r="G228" s="786"/>
      <c r="H228" s="786"/>
      <c r="I228" s="834"/>
      <c r="J228" s="286"/>
      <c r="K228" s="286"/>
      <c r="L228" s="286"/>
      <c r="M228" s="286"/>
    </row>
    <row r="229" spans="1:13" s="95" customFormat="1" ht="9.9499999999999993" customHeight="1">
      <c r="A229" s="454"/>
      <c r="B229" s="756"/>
      <c r="C229" s="774"/>
      <c r="D229" s="828"/>
      <c r="E229" s="828"/>
      <c r="F229" s="835"/>
      <c r="G229" s="766"/>
      <c r="H229" s="766"/>
      <c r="I229" s="834"/>
      <c r="J229" s="284"/>
      <c r="K229" s="284"/>
      <c r="L229" s="284"/>
      <c r="M229" s="284"/>
    </row>
    <row r="230" spans="1:13" s="95" customFormat="1" ht="9.9499999999999993" customHeight="1">
      <c r="A230" s="763"/>
      <c r="B230" s="756"/>
      <c r="C230" s="774"/>
      <c r="D230" s="828"/>
      <c r="E230" s="828"/>
      <c r="F230" s="835"/>
      <c r="G230" s="761"/>
      <c r="H230" s="761"/>
      <c r="I230" s="797"/>
      <c r="J230" s="284"/>
      <c r="K230" s="284"/>
      <c r="L230" s="284"/>
      <c r="M230" s="284"/>
    </row>
    <row r="231" spans="1:13" s="94" customFormat="1" ht="9.9499999999999993" customHeight="1">
      <c r="A231" s="457"/>
      <c r="B231" s="772"/>
      <c r="C231" s="838"/>
      <c r="D231" s="838"/>
      <c r="E231" s="776"/>
      <c r="F231" s="835"/>
      <c r="G231" s="839"/>
      <c r="H231" s="839"/>
      <c r="I231" s="834"/>
      <c r="J231" s="286"/>
      <c r="K231" s="286"/>
      <c r="L231" s="286"/>
      <c r="M231" s="286"/>
    </row>
    <row r="232" spans="1:13" s="95" customFormat="1" ht="9.9499999999999993" customHeight="1">
      <c r="A232" s="763"/>
      <c r="B232" s="790"/>
      <c r="C232" s="790"/>
      <c r="D232" s="772"/>
      <c r="E232" s="762"/>
      <c r="F232" s="835"/>
      <c r="G232" s="766"/>
      <c r="H232" s="564"/>
      <c r="I232" s="834"/>
      <c r="J232" s="284"/>
      <c r="K232" s="284"/>
      <c r="L232" s="784"/>
      <c r="M232" s="284"/>
    </row>
    <row r="233" spans="1:13" s="95" customFormat="1" ht="9.9499999999999993" customHeight="1">
      <c r="A233" s="763"/>
      <c r="B233" s="790"/>
      <c r="C233" s="790"/>
      <c r="D233" s="790"/>
      <c r="E233" s="762"/>
      <c r="F233" s="835"/>
      <c r="G233" s="761"/>
      <c r="H233" s="841"/>
      <c r="I233" s="797"/>
      <c r="J233" s="284"/>
      <c r="K233" s="284"/>
      <c r="L233" s="284"/>
      <c r="M233" s="284"/>
    </row>
    <row r="234" spans="1:13" s="94" customFormat="1" ht="9.9499999999999993" customHeight="1">
      <c r="A234" s="781"/>
      <c r="B234" s="772"/>
      <c r="C234" s="772"/>
      <c r="D234" s="772"/>
      <c r="E234" s="776"/>
      <c r="F234" s="848"/>
      <c r="G234" s="562"/>
      <c r="H234" s="770"/>
      <c r="I234" s="834"/>
      <c r="J234" s="286"/>
      <c r="K234" s="286"/>
      <c r="L234" s="286"/>
      <c r="M234" s="286"/>
    </row>
    <row r="235" spans="1:13" s="95" customFormat="1" ht="9.9499999999999993" customHeight="1">
      <c r="A235" s="454"/>
      <c r="B235" s="756"/>
      <c r="C235" s="756"/>
      <c r="D235" s="830"/>
      <c r="E235" s="828"/>
      <c r="F235" s="835"/>
      <c r="G235" s="785"/>
      <c r="H235" s="564"/>
      <c r="I235" s="846"/>
      <c r="J235" s="284"/>
      <c r="K235" s="284"/>
      <c r="L235" s="284"/>
      <c r="M235" s="284"/>
    </row>
    <row r="236" spans="1:13" s="95" customFormat="1" ht="9.9499999999999993" customHeight="1">
      <c r="A236" s="763"/>
      <c r="B236" s="756"/>
      <c r="C236" s="756"/>
      <c r="D236" s="831"/>
      <c r="E236" s="828"/>
      <c r="F236" s="835"/>
      <c r="G236" s="785"/>
      <c r="H236" s="841"/>
      <c r="I236" s="847"/>
      <c r="J236" s="284"/>
      <c r="K236" s="284"/>
      <c r="L236" s="284"/>
      <c r="M236" s="284"/>
    </row>
    <row r="237" spans="1:13" s="94" customFormat="1" ht="9.9499999999999993" customHeight="1">
      <c r="A237" s="457"/>
      <c r="B237" s="767"/>
      <c r="C237" s="767"/>
      <c r="D237" s="767"/>
      <c r="E237" s="829"/>
      <c r="F237" s="848"/>
      <c r="G237" s="844"/>
      <c r="H237" s="770"/>
      <c r="I237" s="845"/>
      <c r="J237" s="286"/>
      <c r="K237" s="286"/>
      <c r="L237" s="286"/>
      <c r="M237" s="286"/>
    </row>
    <row r="238" spans="1:13" s="95" customFormat="1" ht="9.9499999999999993" customHeight="1">
      <c r="A238" s="773"/>
      <c r="B238" s="773"/>
      <c r="C238" s="756"/>
      <c r="D238" s="830"/>
      <c r="E238" s="828"/>
      <c r="F238" s="840"/>
      <c r="G238" s="785"/>
      <c r="H238" s="564"/>
      <c r="I238" s="803"/>
      <c r="J238" s="284"/>
      <c r="K238" s="284"/>
      <c r="L238" s="284"/>
      <c r="M238" s="284"/>
    </row>
    <row r="239" spans="1:13" s="95" customFormat="1" ht="9.9499999999999993" customHeight="1">
      <c r="A239" s="773"/>
      <c r="B239" s="773"/>
      <c r="C239" s="756"/>
      <c r="D239" s="831"/>
      <c r="E239" s="828"/>
      <c r="F239" s="779"/>
      <c r="G239" s="785"/>
      <c r="H239" s="841"/>
      <c r="I239" s="842"/>
      <c r="J239" s="284"/>
      <c r="K239" s="284"/>
      <c r="L239" s="284"/>
      <c r="M239" s="284"/>
    </row>
    <row r="240" spans="1:13" s="94" customFormat="1" ht="9.9499999999999993" customHeight="1">
      <c r="A240" s="773"/>
      <c r="B240" s="836"/>
      <c r="C240" s="767"/>
      <c r="D240" s="767"/>
      <c r="E240" s="829"/>
      <c r="F240" s="843"/>
      <c r="G240" s="844"/>
      <c r="H240" s="770"/>
      <c r="I240" s="845"/>
      <c r="J240" s="286"/>
      <c r="K240" s="286"/>
      <c r="L240" s="286"/>
      <c r="M240" s="286"/>
    </row>
    <row r="241" spans="1:13" s="95" customFormat="1" ht="9.75" customHeight="1">
      <c r="A241" s="763"/>
      <c r="B241" s="790"/>
      <c r="C241" s="790"/>
      <c r="D241" s="772"/>
      <c r="E241" s="762"/>
      <c r="F241" s="694"/>
      <c r="G241" s="759"/>
      <c r="H241" s="802"/>
      <c r="I241" s="803"/>
      <c r="J241" s="284"/>
      <c r="K241" s="284"/>
      <c r="L241" s="284"/>
      <c r="M241" s="284"/>
    </row>
    <row r="242" spans="1:13" s="95" customFormat="1" ht="9.75" customHeight="1">
      <c r="A242" s="763"/>
      <c r="B242" s="790"/>
      <c r="C242" s="790"/>
      <c r="D242" s="790"/>
      <c r="E242" s="762"/>
      <c r="F242" s="694"/>
      <c r="G242" s="759"/>
      <c r="H242" s="804"/>
      <c r="I242" s="842"/>
      <c r="J242" s="284"/>
      <c r="K242" s="284"/>
      <c r="L242" s="284"/>
      <c r="M242" s="284"/>
    </row>
    <row r="243" spans="1:13" s="94" customFormat="1" ht="9.9499999999999993" customHeight="1">
      <c r="A243" s="788"/>
      <c r="B243" s="772"/>
      <c r="C243" s="772"/>
      <c r="D243" s="772"/>
      <c r="E243" s="776"/>
      <c r="F243" s="791"/>
      <c r="G243" s="806"/>
      <c r="H243" s="807"/>
      <c r="I243" s="845"/>
      <c r="J243" s="286"/>
      <c r="K243" s="286"/>
      <c r="L243" s="286"/>
      <c r="M243" s="286"/>
    </row>
    <row r="244" spans="1:13">
      <c r="A244" s="851"/>
      <c r="B244" s="851"/>
      <c r="C244" s="851"/>
      <c r="D244" s="851"/>
      <c r="E244" s="851"/>
      <c r="F244" s="851"/>
      <c r="G244" s="851"/>
      <c r="H244" s="851"/>
      <c r="I244" s="851"/>
      <c r="J244" s="851"/>
      <c r="K244" s="851"/>
      <c r="L244" s="851"/>
      <c r="M244" s="851"/>
    </row>
    <row r="245" spans="1:13">
      <c r="A245" s="851"/>
      <c r="B245" s="851"/>
      <c r="C245" s="851"/>
      <c r="D245" s="851"/>
      <c r="E245" s="851"/>
      <c r="F245" s="851"/>
      <c r="G245" s="851"/>
      <c r="H245" s="851"/>
      <c r="I245" s="851"/>
      <c r="J245" s="851"/>
      <c r="K245" s="851"/>
      <c r="L245" s="851"/>
      <c r="M245" s="851"/>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246"/>
  <sheetViews>
    <sheetView showGridLines="0" zoomScale="145" zoomScaleNormal="145" zoomScaleSheetLayoutView="90" workbookViewId="0"/>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6" customFormat="1" ht="30" customHeight="1">
      <c r="A1" s="116" t="s">
        <v>39</v>
      </c>
      <c r="B1" s="117" t="s">
        <v>40</v>
      </c>
      <c r="C1" s="117" t="s">
        <v>36</v>
      </c>
      <c r="D1" s="117" t="s">
        <v>37</v>
      </c>
      <c r="E1" s="117" t="s">
        <v>33</v>
      </c>
      <c r="F1" s="117" t="s">
        <v>32</v>
      </c>
      <c r="G1" s="117" t="s">
        <v>34</v>
      </c>
      <c r="H1" s="114" t="s">
        <v>35</v>
      </c>
      <c r="I1" s="118" t="s">
        <v>38</v>
      </c>
    </row>
    <row r="2" spans="1:13" s="95" customFormat="1" ht="9.9499999999999993" customHeight="1">
      <c r="A2" s="67"/>
      <c r="B2" s="68"/>
      <c r="C2" s="68"/>
      <c r="D2" s="68"/>
      <c r="E2" s="69"/>
      <c r="F2" s="70"/>
      <c r="G2" s="98"/>
      <c r="H2" s="98"/>
      <c r="I2" s="71"/>
    </row>
    <row r="3" spans="1:13" s="95" customFormat="1" ht="9.9499999999999993" customHeight="1">
      <c r="A3" s="72" t="s">
        <v>434</v>
      </c>
      <c r="B3" s="73"/>
      <c r="C3" s="73"/>
      <c r="D3" s="73"/>
      <c r="E3" s="74"/>
      <c r="F3" s="75"/>
      <c r="G3" s="99"/>
      <c r="H3" s="99"/>
      <c r="I3" s="76"/>
    </row>
    <row r="4" spans="1:13" s="94" customFormat="1" ht="9.9499999999999993" customHeight="1">
      <c r="A4" s="80"/>
      <c r="B4" s="77"/>
      <c r="C4" s="77"/>
      <c r="D4" s="77"/>
      <c r="E4" s="78"/>
      <c r="F4" s="79"/>
      <c r="G4" s="100"/>
      <c r="H4" s="97"/>
      <c r="I4" s="186"/>
    </row>
    <row r="5" spans="1:13" s="95" customFormat="1" ht="9.9499999999999993" customHeight="1">
      <c r="A5" s="67"/>
      <c r="B5" s="221"/>
      <c r="C5" s="306"/>
      <c r="D5" s="306"/>
      <c r="E5" s="231"/>
      <c r="F5" s="307"/>
      <c r="G5" s="308"/>
      <c r="H5" s="213"/>
      <c r="I5" s="309"/>
    </row>
    <row r="6" spans="1:13" s="95" customFormat="1" ht="9.9499999999999993" customHeight="1">
      <c r="A6" s="72"/>
      <c r="B6" s="295" t="s">
        <v>320</v>
      </c>
      <c r="C6" s="310"/>
      <c r="D6" s="310"/>
      <c r="E6" s="296"/>
      <c r="F6" s="311"/>
      <c r="G6" s="312"/>
      <c r="H6" s="207"/>
      <c r="I6" s="313"/>
    </row>
    <row r="7" spans="1:13" s="94" customFormat="1" ht="9.9499999999999993" customHeight="1">
      <c r="A7" s="80"/>
      <c r="B7" s="314"/>
      <c r="C7" s="314"/>
      <c r="D7" s="301"/>
      <c r="E7" s="315"/>
      <c r="F7" s="316"/>
      <c r="G7" s="317"/>
      <c r="H7" s="304"/>
      <c r="I7" s="318"/>
    </row>
    <row r="8" spans="1:13" s="95" customFormat="1" ht="9.9499999999999993" customHeight="1">
      <c r="A8" s="67"/>
      <c r="B8" s="221"/>
      <c r="C8" s="221"/>
      <c r="D8" s="324"/>
      <c r="E8" s="231"/>
      <c r="F8" s="291"/>
      <c r="G8" s="102"/>
      <c r="H8" s="325"/>
      <c r="I8" s="326"/>
      <c r="L8" s="238"/>
    </row>
    <row r="9" spans="1:13" s="95" customFormat="1" ht="9.9499999999999993" customHeight="1">
      <c r="A9" s="72"/>
      <c r="B9" s="295"/>
      <c r="C9" s="295"/>
      <c r="D9" s="327"/>
      <c r="E9" s="296"/>
      <c r="F9" s="297"/>
      <c r="G9" s="103"/>
      <c r="H9" s="103"/>
      <c r="I9" s="313"/>
      <c r="L9" s="238"/>
    </row>
    <row r="10" spans="1:13" s="94" customFormat="1" ht="9.9499999999999993" customHeight="1">
      <c r="A10" s="80"/>
      <c r="B10" s="301"/>
      <c r="C10" s="314" t="s">
        <v>324</v>
      </c>
      <c r="D10" s="301" t="s">
        <v>325</v>
      </c>
      <c r="E10" s="315" t="s">
        <v>69</v>
      </c>
      <c r="F10" s="328">
        <v>8</v>
      </c>
      <c r="G10" s="101"/>
      <c r="H10" s="304"/>
      <c r="I10" s="323"/>
      <c r="L10" s="239"/>
    </row>
    <row r="11" spans="1:13" s="95" customFormat="1" ht="9.9499999999999993" customHeight="1">
      <c r="A11" s="67"/>
      <c r="B11" s="221"/>
      <c r="C11" s="221"/>
      <c r="D11" s="221"/>
      <c r="E11" s="231"/>
      <c r="F11" s="291"/>
      <c r="G11" s="102"/>
      <c r="H11" s="102"/>
      <c r="I11" s="285"/>
      <c r="K11" s="94"/>
      <c r="L11" s="238"/>
      <c r="M11" s="94"/>
    </row>
    <row r="12" spans="1:13" s="95" customFormat="1" ht="9.9499999999999993" customHeight="1">
      <c r="A12" s="72"/>
      <c r="B12" s="295"/>
      <c r="C12" s="295"/>
      <c r="D12" s="295"/>
      <c r="E12" s="296"/>
      <c r="F12" s="297"/>
      <c r="G12" s="103"/>
      <c r="H12" s="103"/>
      <c r="I12" s="285"/>
      <c r="K12" s="94"/>
      <c r="L12" s="238"/>
      <c r="M12" s="94"/>
    </row>
    <row r="13" spans="1:13" s="94" customFormat="1" ht="9.9499999999999993" customHeight="1">
      <c r="A13" s="80"/>
      <c r="B13" s="301"/>
      <c r="C13" s="333" t="s">
        <v>318</v>
      </c>
      <c r="D13" s="333"/>
      <c r="E13" s="315"/>
      <c r="F13" s="449"/>
      <c r="G13" s="101"/>
      <c r="H13" s="304"/>
      <c r="I13" s="287"/>
      <c r="L13" s="239"/>
    </row>
    <row r="14" spans="1:13" s="95" customFormat="1" ht="9.9499999999999993" customHeight="1">
      <c r="A14" s="67"/>
      <c r="B14" s="221"/>
      <c r="C14" s="221"/>
      <c r="D14" s="105"/>
      <c r="E14" s="231"/>
      <c r="F14" s="217"/>
      <c r="G14" s="218"/>
      <c r="H14" s="230"/>
      <c r="I14" s="71"/>
      <c r="K14" s="94"/>
      <c r="L14" s="238"/>
      <c r="M14" s="94"/>
    </row>
    <row r="15" spans="1:13" s="95" customFormat="1" ht="9.9499999999999993" customHeight="1">
      <c r="A15" s="72"/>
      <c r="B15" s="295"/>
      <c r="C15" s="281"/>
      <c r="D15" s="220"/>
      <c r="E15" s="233"/>
      <c r="F15" s="246"/>
      <c r="G15" s="219"/>
      <c r="H15" s="228"/>
      <c r="I15" s="193"/>
      <c r="K15" s="94"/>
      <c r="L15" s="238"/>
      <c r="M15" s="94"/>
    </row>
    <row r="16" spans="1:13" s="94" customFormat="1" ht="9.9499999999999993" customHeight="1">
      <c r="A16" s="80"/>
      <c r="B16" s="314"/>
      <c r="C16" s="243"/>
      <c r="D16" s="220"/>
      <c r="E16" s="245"/>
      <c r="F16" s="246"/>
      <c r="G16" s="219"/>
      <c r="H16" s="224"/>
      <c r="I16" s="194"/>
      <c r="L16" s="544"/>
    </row>
    <row r="17" spans="1:13" s="95" customFormat="1" ht="9.9499999999999993" customHeight="1">
      <c r="A17" s="67"/>
      <c r="B17" s="221"/>
      <c r="C17" s="221"/>
      <c r="D17" s="105"/>
      <c r="E17" s="231"/>
      <c r="F17" s="217"/>
      <c r="G17" s="218"/>
      <c r="H17" s="230"/>
      <c r="I17" s="71"/>
      <c r="K17" s="94"/>
      <c r="L17" s="543"/>
      <c r="M17" s="94"/>
    </row>
    <row r="18" spans="1:13" s="95" customFormat="1" ht="9.9499999999999993" customHeight="1">
      <c r="A18" s="72" t="s">
        <v>435</v>
      </c>
      <c r="B18" s="295"/>
      <c r="C18" s="281"/>
      <c r="D18" s="220"/>
      <c r="E18" s="233"/>
      <c r="F18" s="246"/>
      <c r="G18" s="219"/>
      <c r="H18" s="228"/>
      <c r="I18" s="193"/>
      <c r="K18" s="94"/>
      <c r="L18" s="238"/>
      <c r="M18" s="94"/>
    </row>
    <row r="19" spans="1:13" s="94" customFormat="1" ht="9.9499999999999993" customHeight="1">
      <c r="A19" s="80"/>
      <c r="B19" s="315"/>
      <c r="C19" s="243"/>
      <c r="D19" s="220"/>
      <c r="E19" s="574"/>
      <c r="F19" s="223"/>
      <c r="G19" s="557"/>
      <c r="H19" s="224"/>
      <c r="I19" s="194"/>
      <c r="L19" s="239"/>
    </row>
    <row r="20" spans="1:13" s="95" customFormat="1" ht="9.9499999999999993" customHeight="1">
      <c r="A20" s="67"/>
      <c r="B20" s="221"/>
      <c r="C20" s="221"/>
      <c r="D20" s="221"/>
      <c r="E20" s="231"/>
      <c r="F20" s="636"/>
      <c r="G20" s="212"/>
      <c r="H20" s="213"/>
      <c r="I20" s="345"/>
      <c r="L20" s="238"/>
      <c r="M20" s="94"/>
    </row>
    <row r="21" spans="1:13" s="95" customFormat="1" ht="9.9499999999999993" customHeight="1">
      <c r="A21" s="72"/>
      <c r="B21" s="295" t="s">
        <v>281</v>
      </c>
      <c r="C21" s="295"/>
      <c r="D21" s="295"/>
      <c r="E21" s="296"/>
      <c r="F21" s="637"/>
      <c r="G21" s="206"/>
      <c r="H21" s="207"/>
      <c r="I21" s="193"/>
      <c r="L21" s="238"/>
    </row>
    <row r="22" spans="1:13" s="94" customFormat="1" ht="9.9499999999999993" customHeight="1">
      <c r="A22" s="80"/>
      <c r="B22" s="314"/>
      <c r="C22" s="314"/>
      <c r="D22" s="301"/>
      <c r="E22" s="315"/>
      <c r="F22" s="484"/>
      <c r="G22" s="638"/>
      <c r="H22" s="304"/>
      <c r="I22" s="194"/>
      <c r="L22" s="239"/>
    </row>
    <row r="23" spans="1:13" s="95" customFormat="1" ht="9.9499999999999993" customHeight="1">
      <c r="A23" s="338"/>
      <c r="B23" s="221"/>
      <c r="C23" s="354"/>
      <c r="D23" s="355"/>
      <c r="E23" s="355"/>
      <c r="F23" s="356"/>
      <c r="G23" s="357"/>
      <c r="H23" s="357"/>
      <c r="I23" s="345"/>
    </row>
    <row r="24" spans="1:13" s="95" customFormat="1" ht="9.9499999999999993" customHeight="1">
      <c r="A24" s="294"/>
      <c r="B24" s="295"/>
      <c r="C24" s="359"/>
      <c r="D24" s="360"/>
      <c r="E24" s="360" t="s">
        <v>334</v>
      </c>
      <c r="F24" s="356"/>
      <c r="G24" s="653"/>
      <c r="H24" s="653"/>
      <c r="I24" s="326"/>
    </row>
    <row r="25" spans="1:13" s="94" customFormat="1" ht="9.9499999999999993" customHeight="1">
      <c r="A25" s="342"/>
      <c r="B25" s="301"/>
      <c r="C25" s="371" t="s">
        <v>335</v>
      </c>
      <c r="D25" s="364"/>
      <c r="E25" s="364" t="s">
        <v>336</v>
      </c>
      <c r="F25" s="210">
        <v>1</v>
      </c>
      <c r="G25" s="304"/>
      <c r="H25" s="304"/>
      <c r="I25" s="351"/>
    </row>
    <row r="26" spans="1:13" s="95" customFormat="1" ht="9.9499999999999993" customHeight="1">
      <c r="A26" s="338"/>
      <c r="B26" s="221"/>
      <c r="C26" s="654"/>
      <c r="D26" s="655"/>
      <c r="E26" s="656"/>
      <c r="F26" s="356"/>
      <c r="G26" s="357"/>
      <c r="H26" s="102"/>
      <c r="I26" s="345"/>
    </row>
    <row r="27" spans="1:13" s="95" customFormat="1" ht="9.9499999999999993" customHeight="1">
      <c r="A27" s="294"/>
      <c r="B27" s="295"/>
      <c r="C27" s="657"/>
      <c r="D27" s="658"/>
      <c r="E27" s="659"/>
      <c r="F27" s="356"/>
      <c r="G27" s="653"/>
      <c r="H27" s="647"/>
      <c r="I27" s="326"/>
    </row>
    <row r="28" spans="1:13" s="94" customFormat="1" ht="9.9499999999999993" customHeight="1">
      <c r="A28" s="342"/>
      <c r="B28" s="484"/>
      <c r="C28" s="302" t="s">
        <v>318</v>
      </c>
      <c r="D28" s="660"/>
      <c r="E28" s="661"/>
      <c r="F28" s="210"/>
      <c r="G28" s="369"/>
      <c r="H28" s="181"/>
      <c r="I28" s="351"/>
    </row>
    <row r="29" spans="1:13" s="95" customFormat="1" ht="9.9499999999999993" customHeight="1">
      <c r="A29" s="352"/>
      <c r="B29" s="306"/>
      <c r="C29" s="454"/>
      <c r="D29" s="455"/>
      <c r="E29" s="454"/>
      <c r="F29" s="455"/>
      <c r="G29" s="454"/>
      <c r="H29" s="455"/>
      <c r="I29" s="345"/>
    </row>
    <row r="30" spans="1:13" s="95" customFormat="1" ht="9.9499999999999993" customHeight="1">
      <c r="A30" s="352"/>
      <c r="B30" s="310"/>
      <c r="C30" s="454"/>
      <c r="D30" s="456"/>
      <c r="E30" s="454"/>
      <c r="F30" s="456"/>
      <c r="G30" s="454"/>
      <c r="H30" s="456"/>
      <c r="I30" s="326"/>
    </row>
    <row r="31" spans="1:13" s="94" customFormat="1" ht="9.9499999999999993" customHeight="1">
      <c r="A31" s="362"/>
      <c r="B31" s="453"/>
      <c r="C31" s="457"/>
      <c r="D31" s="363"/>
      <c r="E31" s="457"/>
      <c r="F31" s="363"/>
      <c r="G31" s="457"/>
      <c r="H31" s="363"/>
      <c r="I31" s="351"/>
    </row>
    <row r="32" spans="1:13" s="95" customFormat="1" ht="9.9499999999999993" customHeight="1">
      <c r="A32" s="352"/>
      <c r="B32" s="306"/>
      <c r="C32" s="221"/>
      <c r="D32" s="324"/>
      <c r="E32" s="231"/>
      <c r="F32" s="291"/>
      <c r="G32" s="102"/>
      <c r="H32" s="292"/>
      <c r="I32" s="345"/>
    </row>
    <row r="33" spans="1:9" s="95" customFormat="1" ht="9.9499999999999993" customHeight="1">
      <c r="A33" s="352"/>
      <c r="B33" s="310"/>
      <c r="C33" s="295"/>
      <c r="D33" s="451"/>
      <c r="E33" s="296"/>
      <c r="F33" s="297"/>
      <c r="G33" s="103"/>
      <c r="H33" s="103"/>
      <c r="I33" s="326"/>
    </row>
    <row r="34" spans="1:9" s="94" customFormat="1" ht="9.9499999999999993" customHeight="1">
      <c r="A34" s="362"/>
      <c r="B34" s="453"/>
      <c r="C34" s="301"/>
      <c r="D34" s="301"/>
      <c r="E34" s="315"/>
      <c r="F34" s="466"/>
      <c r="G34" s="101"/>
      <c r="H34" s="304"/>
      <c r="I34" s="351"/>
    </row>
    <row r="35" spans="1:9" s="95" customFormat="1" ht="9.9499999999999993" customHeight="1">
      <c r="A35" s="119"/>
      <c r="B35" s="120"/>
      <c r="C35" s="120"/>
      <c r="D35" s="121"/>
      <c r="E35" s="121"/>
      <c r="F35" s="122"/>
      <c r="G35" s="106"/>
      <c r="H35" s="112"/>
      <c r="I35" s="142"/>
    </row>
    <row r="36" spans="1:9" s="95" customFormat="1" ht="9.9499999999999993" customHeight="1">
      <c r="A36" s="124"/>
      <c r="B36" s="125"/>
      <c r="C36" s="125"/>
      <c r="D36" s="126"/>
      <c r="E36" s="126"/>
      <c r="F36" s="127"/>
      <c r="G36" s="107"/>
      <c r="H36" s="113"/>
      <c r="I36" s="128"/>
    </row>
    <row r="37" spans="1:9" s="94" customFormat="1" ht="9.9499999999999993" customHeight="1">
      <c r="A37" s="129"/>
      <c r="B37" s="130"/>
      <c r="C37" s="125"/>
      <c r="D37" s="130"/>
      <c r="E37" s="131"/>
      <c r="F37" s="132"/>
      <c r="G37" s="108"/>
      <c r="H37" s="240"/>
      <c r="I37" s="136"/>
    </row>
    <row r="38" spans="1:9" s="95" customFormat="1" ht="9.9499999999999993" customHeight="1">
      <c r="A38" s="119"/>
      <c r="B38" s="120"/>
      <c r="C38" s="120"/>
      <c r="D38" s="120"/>
      <c r="E38" s="121"/>
      <c r="F38" s="122"/>
      <c r="G38" s="109"/>
      <c r="H38" s="109"/>
      <c r="I38" s="123"/>
    </row>
    <row r="39" spans="1:9" s="95" customFormat="1" ht="9.9499999999999993" customHeight="1">
      <c r="A39" s="124"/>
      <c r="B39" s="125"/>
      <c r="C39" s="125"/>
      <c r="D39" s="125"/>
      <c r="E39" s="126"/>
      <c r="F39" s="127"/>
      <c r="G39" s="110"/>
      <c r="H39" s="110"/>
      <c r="I39" s="128"/>
    </row>
    <row r="40" spans="1:9" s="94" customFormat="1" ht="9.9499999999999993" customHeight="1">
      <c r="A40" s="143"/>
      <c r="B40" s="144"/>
      <c r="C40" s="596"/>
      <c r="D40" s="144"/>
      <c r="E40" s="145"/>
      <c r="F40" s="146"/>
      <c r="G40" s="147"/>
      <c r="H40" s="148"/>
      <c r="I40" s="149"/>
    </row>
    <row r="41" spans="1:9" s="91" customFormat="1" ht="30" customHeight="1">
      <c r="A41" s="962" t="s">
        <v>31</v>
      </c>
      <c r="B41" s="963"/>
      <c r="C41" s="963"/>
      <c r="D41" s="963"/>
      <c r="E41" s="963"/>
      <c r="F41" s="963"/>
      <c r="G41" s="963"/>
      <c r="H41" s="963"/>
      <c r="I41" s="964"/>
    </row>
    <row r="42" spans="1:9" s="90" customFormat="1" ht="30" customHeight="1">
      <c r="A42" s="116" t="s">
        <v>22</v>
      </c>
      <c r="B42" s="117" t="s">
        <v>23</v>
      </c>
      <c r="C42" s="117" t="s">
        <v>24</v>
      </c>
      <c r="D42" s="117" t="s">
        <v>25</v>
      </c>
      <c r="E42" s="117" t="s">
        <v>26</v>
      </c>
      <c r="F42" s="117" t="s">
        <v>27</v>
      </c>
      <c r="G42" s="591" t="s">
        <v>28</v>
      </c>
      <c r="H42" s="592" t="s">
        <v>29</v>
      </c>
      <c r="I42" s="118" t="s">
        <v>30</v>
      </c>
    </row>
    <row r="43" spans="1:9" s="95" customFormat="1" ht="9.9499999999999993" customHeight="1">
      <c r="A43" s="67"/>
      <c r="B43" s="68"/>
      <c r="C43" s="221"/>
      <c r="D43" s="105"/>
      <c r="E43" s="231"/>
      <c r="F43" s="217"/>
      <c r="G43" s="218"/>
      <c r="H43" s="230"/>
      <c r="I43" s="71"/>
    </row>
    <row r="44" spans="1:9" s="95" customFormat="1" ht="9.9499999999999993" customHeight="1">
      <c r="A44" s="72" t="s">
        <v>436</v>
      </c>
      <c r="B44" s="73"/>
      <c r="C44" s="281"/>
      <c r="D44" s="220"/>
      <c r="E44" s="233"/>
      <c r="F44" s="246"/>
      <c r="G44" s="219"/>
      <c r="H44" s="228"/>
      <c r="I44" s="193"/>
    </row>
    <row r="45" spans="1:9" s="94" customFormat="1" ht="9.9499999999999993" customHeight="1">
      <c r="A45" s="80"/>
      <c r="B45" s="77"/>
      <c r="C45" s="243"/>
      <c r="D45" s="220"/>
      <c r="E45" s="245"/>
      <c r="F45" s="246"/>
      <c r="G45" s="219"/>
      <c r="H45" s="224"/>
      <c r="I45" s="194"/>
    </row>
    <row r="46" spans="1:9" s="95" customFormat="1" ht="9.9499999999999993" customHeight="1">
      <c r="A46" s="67"/>
      <c r="B46" s="68"/>
      <c r="C46" s="105"/>
      <c r="D46" s="105"/>
      <c r="E46" s="231"/>
      <c r="F46" s="225"/>
      <c r="G46" s="218"/>
      <c r="H46" s="230"/>
      <c r="I46" s="71"/>
    </row>
    <row r="47" spans="1:9" s="95" customFormat="1" ht="9.9499999999999993" customHeight="1">
      <c r="A47" s="72"/>
      <c r="B47" s="73" t="s">
        <v>313</v>
      </c>
      <c r="C47" s="115"/>
      <c r="D47" s="220"/>
      <c r="E47" s="233"/>
      <c r="F47" s="227"/>
      <c r="G47" s="219"/>
      <c r="H47" s="228"/>
      <c r="I47" s="193"/>
    </row>
    <row r="48" spans="1:9" s="94" customFormat="1" ht="9.9499999999999993" customHeight="1">
      <c r="A48" s="80"/>
      <c r="B48" s="93"/>
      <c r="C48" s="242"/>
      <c r="D48" s="220"/>
      <c r="E48" s="245"/>
      <c r="F48" s="227"/>
      <c r="G48" s="219"/>
      <c r="H48" s="224"/>
      <c r="I48" s="194"/>
    </row>
    <row r="49" spans="1:9" s="95" customFormat="1" ht="9.9499999999999993" customHeight="1">
      <c r="A49" s="119"/>
      <c r="B49" s="120"/>
      <c r="C49" s="221"/>
      <c r="D49" s="221"/>
      <c r="E49" s="231"/>
      <c r="F49" s="225"/>
      <c r="G49" s="218"/>
      <c r="H49" s="235"/>
      <c r="I49" s="71"/>
    </row>
    <row r="50" spans="1:9" s="95" customFormat="1" ht="9.9499999999999993" customHeight="1">
      <c r="A50" s="124"/>
      <c r="B50" s="125"/>
      <c r="C50" s="236"/>
      <c r="D50" s="237"/>
      <c r="E50" s="233"/>
      <c r="F50" s="227"/>
      <c r="G50" s="219"/>
      <c r="H50" s="228"/>
      <c r="I50" s="193"/>
    </row>
    <row r="51" spans="1:9" s="94" customFormat="1" ht="9.9499999999999993" customHeight="1">
      <c r="A51" s="129"/>
      <c r="B51" s="130"/>
      <c r="C51" s="244" t="s">
        <v>313</v>
      </c>
      <c r="D51" s="244" t="s">
        <v>380</v>
      </c>
      <c r="E51" s="245" t="s">
        <v>347</v>
      </c>
      <c r="F51" s="227">
        <v>0.78</v>
      </c>
      <c r="G51" s="219"/>
      <c r="H51" s="304"/>
      <c r="I51" s="194"/>
    </row>
    <row r="52" spans="1:9" s="95" customFormat="1" ht="9.9499999999999993" customHeight="1">
      <c r="A52" s="119"/>
      <c r="B52" s="120"/>
      <c r="C52" s="134"/>
      <c r="D52" s="120"/>
      <c r="E52" s="121"/>
      <c r="F52" s="138"/>
      <c r="G52" s="109"/>
      <c r="H52" s="109"/>
      <c r="I52" s="139"/>
    </row>
    <row r="53" spans="1:9" s="95" customFormat="1" ht="9.9499999999999993" customHeight="1">
      <c r="A53" s="124"/>
      <c r="B53" s="125"/>
      <c r="C53" s="125"/>
      <c r="D53" s="125"/>
      <c r="E53" s="126"/>
      <c r="F53" s="140"/>
      <c r="G53" s="110"/>
      <c r="H53" s="110"/>
      <c r="I53" s="128"/>
    </row>
    <row r="54" spans="1:9" s="94" customFormat="1" ht="9.9499999999999993" customHeight="1">
      <c r="A54" s="129"/>
      <c r="B54" s="130"/>
      <c r="C54" s="130" t="s">
        <v>349</v>
      </c>
      <c r="D54" s="135"/>
      <c r="E54" s="131"/>
      <c r="F54" s="141"/>
      <c r="G54" s="111"/>
      <c r="H54" s="133"/>
      <c r="I54" s="136"/>
    </row>
    <row r="55" spans="1:9" s="95" customFormat="1" ht="9.9499999999999993" customHeight="1">
      <c r="A55" s="338"/>
      <c r="B55" s="221"/>
      <c r="C55" s="221"/>
      <c r="D55" s="350"/>
      <c r="E55" s="231"/>
      <c r="F55" s="335"/>
      <c r="G55" s="336"/>
      <c r="H55" s="102"/>
      <c r="I55" s="345"/>
    </row>
    <row r="56" spans="1:9" s="95" customFormat="1" ht="9.9499999999999993" customHeight="1">
      <c r="A56" s="294"/>
      <c r="B56" s="295"/>
      <c r="C56" s="295"/>
      <c r="D56" s="327"/>
      <c r="E56" s="296"/>
      <c r="F56" s="297"/>
      <c r="G56" s="336"/>
      <c r="H56" s="340"/>
      <c r="I56" s="326"/>
    </row>
    <row r="57" spans="1:9" s="94" customFormat="1" ht="9.9499999999999993" customHeight="1">
      <c r="A57" s="342"/>
      <c r="B57" s="301"/>
      <c r="C57" s="301"/>
      <c r="D57" s="301"/>
      <c r="E57" s="315"/>
      <c r="F57" s="101"/>
      <c r="G57" s="101"/>
      <c r="H57" s="349"/>
      <c r="I57" s="351"/>
    </row>
    <row r="58" spans="1:9" s="95" customFormat="1" ht="9.9499999999999993" customHeight="1">
      <c r="A58" s="352"/>
      <c r="B58" s="306"/>
      <c r="C58" s="454"/>
      <c r="D58" s="455"/>
      <c r="E58" s="454"/>
      <c r="F58" s="455"/>
      <c r="G58" s="454"/>
      <c r="H58" s="455"/>
      <c r="I58" s="345"/>
    </row>
    <row r="59" spans="1:9" s="95" customFormat="1" ht="9.9499999999999993" customHeight="1">
      <c r="A59" s="352"/>
      <c r="B59" s="310"/>
      <c r="C59" s="454"/>
      <c r="D59" s="456"/>
      <c r="E59" s="454"/>
      <c r="F59" s="456"/>
      <c r="G59" s="454"/>
      <c r="H59" s="456"/>
      <c r="I59" s="326"/>
    </row>
    <row r="60" spans="1:9" s="94" customFormat="1" ht="9.9499999999999993" customHeight="1">
      <c r="A60" s="362"/>
      <c r="B60" s="453"/>
      <c r="C60" s="457"/>
      <c r="D60" s="363"/>
      <c r="E60" s="457"/>
      <c r="F60" s="363"/>
      <c r="G60" s="457"/>
      <c r="H60" s="363"/>
      <c r="I60" s="351"/>
    </row>
    <row r="61" spans="1:9" s="95" customFormat="1" ht="9.9499999999999993" customHeight="1">
      <c r="A61" s="352"/>
      <c r="B61" s="306"/>
      <c r="C61" s="221"/>
      <c r="D61" s="324"/>
      <c r="E61" s="231"/>
      <c r="F61" s="291"/>
      <c r="G61" s="102"/>
      <c r="H61" s="292"/>
      <c r="I61" s="345"/>
    </row>
    <row r="62" spans="1:9" s="95" customFormat="1" ht="9.9499999999999993" customHeight="1">
      <c r="A62" s="352"/>
      <c r="B62" s="310"/>
      <c r="C62" s="295"/>
      <c r="D62" s="451"/>
      <c r="E62" s="296"/>
      <c r="F62" s="297"/>
      <c r="G62" s="103"/>
      <c r="H62" s="103"/>
      <c r="I62" s="326"/>
    </row>
    <row r="63" spans="1:9" s="94" customFormat="1" ht="9.9499999999999993" customHeight="1">
      <c r="A63" s="362"/>
      <c r="B63" s="453"/>
      <c r="C63" s="301"/>
      <c r="D63" s="301"/>
      <c r="E63" s="315"/>
      <c r="F63" s="466"/>
      <c r="G63" s="101"/>
      <c r="H63" s="304"/>
      <c r="I63" s="351"/>
    </row>
    <row r="64" spans="1:9" s="95" customFormat="1" ht="9.9499999999999993" customHeight="1">
      <c r="A64" s="338"/>
      <c r="B64" s="221"/>
      <c r="C64" s="221"/>
      <c r="D64" s="350"/>
      <c r="E64" s="231"/>
      <c r="F64" s="335"/>
      <c r="G64" s="336"/>
      <c r="H64" s="102"/>
      <c r="I64" s="345"/>
    </row>
    <row r="65" spans="1:9" s="95" customFormat="1" ht="9.9499999999999993" customHeight="1">
      <c r="A65" s="294"/>
      <c r="B65" s="295"/>
      <c r="C65" s="295"/>
      <c r="D65" s="327"/>
      <c r="E65" s="296"/>
      <c r="F65" s="297"/>
      <c r="G65" s="336"/>
      <c r="H65" s="340"/>
      <c r="I65" s="326"/>
    </row>
    <row r="66" spans="1:9" s="94" customFormat="1" ht="9.9499999999999993" customHeight="1">
      <c r="A66" s="342"/>
      <c r="B66" s="301"/>
      <c r="C66" s="301"/>
      <c r="D66" s="301"/>
      <c r="E66" s="315"/>
      <c r="F66" s="101"/>
      <c r="G66" s="101"/>
      <c r="H66" s="349"/>
      <c r="I66" s="351"/>
    </row>
    <row r="67" spans="1:9" s="95" customFormat="1" ht="9.9499999999999993" customHeight="1">
      <c r="A67" s="352"/>
      <c r="B67" s="306"/>
      <c r="C67" s="454"/>
      <c r="D67" s="455"/>
      <c r="E67" s="454"/>
      <c r="F67" s="455"/>
      <c r="G67" s="454"/>
      <c r="H67" s="455"/>
      <c r="I67" s="345"/>
    </row>
    <row r="68" spans="1:9" s="95" customFormat="1" ht="9.9499999999999993" customHeight="1">
      <c r="A68" s="352"/>
      <c r="B68" s="310"/>
      <c r="C68" s="454"/>
      <c r="D68" s="456"/>
      <c r="E68" s="454"/>
      <c r="F68" s="456"/>
      <c r="G68" s="454"/>
      <c r="H68" s="456"/>
      <c r="I68" s="326"/>
    </row>
    <row r="69" spans="1:9" s="94" customFormat="1" ht="9.9499999999999993" customHeight="1">
      <c r="A69" s="362"/>
      <c r="B69" s="453"/>
      <c r="C69" s="457"/>
      <c r="D69" s="363"/>
      <c r="E69" s="457"/>
      <c r="F69" s="363"/>
      <c r="G69" s="457"/>
      <c r="H69" s="363"/>
      <c r="I69" s="351"/>
    </row>
    <row r="70" spans="1:9" s="95" customFormat="1" ht="9.9499999999999993" customHeight="1">
      <c r="A70" s="352"/>
      <c r="B70" s="306"/>
      <c r="C70" s="221"/>
      <c r="D70" s="324"/>
      <c r="E70" s="231"/>
      <c r="F70" s="291"/>
      <c r="G70" s="102"/>
      <c r="H70" s="292"/>
      <c r="I70" s="345"/>
    </row>
    <row r="71" spans="1:9" s="95" customFormat="1" ht="9.9499999999999993" customHeight="1">
      <c r="A71" s="352"/>
      <c r="B71" s="310"/>
      <c r="C71" s="295"/>
      <c r="D71" s="451"/>
      <c r="E71" s="296"/>
      <c r="F71" s="297"/>
      <c r="G71" s="103"/>
      <c r="H71" s="103"/>
      <c r="I71" s="326"/>
    </row>
    <row r="72" spans="1:9" s="94" customFormat="1" ht="9.9499999999999993" customHeight="1">
      <c r="A72" s="362"/>
      <c r="B72" s="453"/>
      <c r="C72" s="301"/>
      <c r="D72" s="301"/>
      <c r="E72" s="315"/>
      <c r="F72" s="466"/>
      <c r="G72" s="101"/>
      <c r="H72" s="304"/>
      <c r="I72" s="351"/>
    </row>
    <row r="73" spans="1:9" s="95" customFormat="1" ht="9.9499999999999993" customHeight="1">
      <c r="A73" s="352"/>
      <c r="B73" s="221"/>
      <c r="C73" s="221"/>
      <c r="D73" s="324"/>
      <c r="E73" s="231"/>
      <c r="F73" s="291"/>
      <c r="G73" s="102"/>
      <c r="H73" s="292"/>
      <c r="I73" s="339"/>
    </row>
    <row r="74" spans="1:9" s="95" customFormat="1" ht="9.9499999999999993" customHeight="1">
      <c r="A74" s="352"/>
      <c r="B74" s="295"/>
      <c r="C74" s="295"/>
      <c r="D74" s="451"/>
      <c r="E74" s="296"/>
      <c r="F74" s="297"/>
      <c r="G74" s="103"/>
      <c r="H74" s="103"/>
      <c r="I74" s="341"/>
    </row>
    <row r="75" spans="1:9" s="94" customFormat="1" ht="9.9499999999999993" customHeight="1">
      <c r="A75" s="362"/>
      <c r="B75" s="314"/>
      <c r="C75" s="301"/>
      <c r="D75" s="301"/>
      <c r="E75" s="315"/>
      <c r="F75" s="466"/>
      <c r="G75" s="101"/>
      <c r="H75" s="304"/>
      <c r="I75" s="366"/>
    </row>
    <row r="76" spans="1:9" s="95" customFormat="1" ht="9.9499999999999993" customHeight="1">
      <c r="A76" s="338"/>
      <c r="B76" s="221"/>
      <c r="C76" s="221"/>
      <c r="D76" s="350"/>
      <c r="E76" s="231"/>
      <c r="F76" s="291"/>
      <c r="G76" s="212"/>
      <c r="H76" s="292"/>
      <c r="I76" s="139"/>
    </row>
    <row r="77" spans="1:9" s="95" customFormat="1" ht="9.9499999999999993" customHeight="1">
      <c r="A77" s="294"/>
      <c r="B77" s="295"/>
      <c r="C77" s="295"/>
      <c r="D77" s="327"/>
      <c r="E77" s="296"/>
      <c r="F77" s="297"/>
      <c r="G77" s="206"/>
      <c r="H77" s="103"/>
      <c r="I77" s="367"/>
    </row>
    <row r="78" spans="1:9" s="94" customFormat="1" ht="9.9499999999999993" customHeight="1">
      <c r="A78" s="342"/>
      <c r="B78" s="314"/>
      <c r="C78" s="467"/>
      <c r="D78" s="468"/>
      <c r="E78" s="315"/>
      <c r="F78" s="466"/>
      <c r="G78" s="101"/>
      <c r="H78" s="304"/>
      <c r="I78" s="366"/>
    </row>
    <row r="79" spans="1:9" s="95" customFormat="1" ht="9.75" customHeight="1">
      <c r="A79" s="343"/>
      <c r="B79" s="68"/>
      <c r="C79" s="68"/>
      <c r="D79" s="89"/>
      <c r="E79" s="69"/>
      <c r="F79" s="70"/>
      <c r="G79" s="173"/>
      <c r="H79" s="179"/>
      <c r="I79" s="139"/>
    </row>
    <row r="80" spans="1:9" s="95" customFormat="1" ht="9.75" customHeight="1">
      <c r="A80" s="294"/>
      <c r="B80" s="73"/>
      <c r="C80" s="73"/>
      <c r="D80" s="73"/>
      <c r="E80" s="74"/>
      <c r="F80" s="75"/>
      <c r="G80" s="171"/>
      <c r="H80" s="180"/>
      <c r="I80" s="367"/>
    </row>
    <row r="81" spans="1:13" s="94" customFormat="1" ht="9.9499999999999993" customHeight="1">
      <c r="A81" s="437"/>
      <c r="B81" s="438"/>
      <c r="C81" s="438"/>
      <c r="D81" s="438"/>
      <c r="E81" s="439"/>
      <c r="F81" s="440"/>
      <c r="G81" s="441"/>
      <c r="H81" s="442"/>
      <c r="I81" s="443"/>
    </row>
    <row r="82" spans="1:13" s="96" customFormat="1" ht="30" customHeight="1">
      <c r="A82" s="854"/>
      <c r="B82" s="852"/>
      <c r="C82" s="852"/>
      <c r="D82" s="852"/>
      <c r="E82" s="852"/>
      <c r="F82" s="852"/>
      <c r="G82" s="852"/>
      <c r="H82" s="853"/>
      <c r="I82" s="852"/>
    </row>
    <row r="83" spans="1:13" s="95" customFormat="1" ht="9.9499999999999993" customHeight="1">
      <c r="A83" s="454"/>
      <c r="B83" s="756"/>
      <c r="C83" s="757"/>
      <c r="D83" s="758"/>
      <c r="E83" s="759"/>
      <c r="F83" s="759"/>
      <c r="G83" s="760"/>
      <c r="H83" s="761"/>
      <c r="I83" s="762"/>
      <c r="J83" s="284"/>
      <c r="K83" s="284"/>
      <c r="L83" s="284"/>
      <c r="M83" s="284"/>
    </row>
    <row r="84" spans="1:13" s="95" customFormat="1" ht="9.9499999999999993" customHeight="1">
      <c r="A84" s="763"/>
      <c r="B84" s="756"/>
      <c r="C84" s="764"/>
      <c r="D84" s="758"/>
      <c r="E84" s="759"/>
      <c r="F84" s="759"/>
      <c r="G84" s="765"/>
      <c r="H84" s="766"/>
      <c r="I84" s="762"/>
      <c r="J84" s="284"/>
      <c r="K84" s="284"/>
      <c r="L84" s="284"/>
      <c r="M84" s="284"/>
    </row>
    <row r="85" spans="1:13" s="94" customFormat="1" ht="9.9499999999999993" customHeight="1">
      <c r="A85" s="457"/>
      <c r="B85" s="767"/>
      <c r="C85" s="764"/>
      <c r="D85" s="768"/>
      <c r="E85" s="769"/>
      <c r="F85" s="769"/>
      <c r="G85" s="770"/>
      <c r="H85" s="771"/>
      <c r="I85" s="772"/>
      <c r="J85" s="286"/>
      <c r="K85" s="286"/>
      <c r="L85" s="286"/>
      <c r="M85" s="286"/>
    </row>
    <row r="86" spans="1:13" s="95" customFormat="1" ht="9.9499999999999993" customHeight="1">
      <c r="A86" s="773"/>
      <c r="B86" s="774"/>
      <c r="C86" s="454"/>
      <c r="D86" s="454"/>
      <c r="E86" s="454"/>
      <c r="F86" s="454"/>
      <c r="G86" s="454"/>
      <c r="H86" s="454"/>
      <c r="I86" s="762"/>
      <c r="J86" s="284"/>
      <c r="K86" s="284"/>
      <c r="L86" s="284"/>
      <c r="M86" s="284"/>
    </row>
    <row r="87" spans="1:13" s="95" customFormat="1" ht="9.9499999999999993" customHeight="1">
      <c r="A87" s="773"/>
      <c r="B87" s="774"/>
      <c r="C87" s="454"/>
      <c r="D87" s="454"/>
      <c r="E87" s="454"/>
      <c r="F87" s="454"/>
      <c r="G87" s="454"/>
      <c r="H87" s="454"/>
      <c r="I87" s="762"/>
      <c r="J87" s="284"/>
      <c r="K87" s="284"/>
      <c r="L87" s="284"/>
      <c r="M87" s="284"/>
    </row>
    <row r="88" spans="1:13" s="94" customFormat="1" ht="9.9499999999999993" customHeight="1">
      <c r="A88" s="773"/>
      <c r="B88" s="775"/>
      <c r="C88" s="457"/>
      <c r="D88" s="457"/>
      <c r="E88" s="457"/>
      <c r="F88" s="457"/>
      <c r="G88" s="457"/>
      <c r="H88" s="457"/>
      <c r="I88" s="776"/>
      <c r="J88" s="286"/>
      <c r="K88" s="286"/>
      <c r="L88" s="286"/>
      <c r="M88" s="286"/>
    </row>
    <row r="89" spans="1:13" s="95" customFormat="1" ht="9.9499999999999993" customHeight="1">
      <c r="A89" s="763"/>
      <c r="B89" s="774"/>
      <c r="C89" s="777"/>
      <c r="D89" s="777"/>
      <c r="E89" s="778"/>
      <c r="F89" s="779"/>
      <c r="G89" s="564"/>
      <c r="H89" s="564"/>
      <c r="I89" s="762"/>
      <c r="J89" s="284"/>
      <c r="K89" s="284"/>
      <c r="L89" s="543"/>
      <c r="M89" s="284"/>
    </row>
    <row r="90" spans="1:13" s="95" customFormat="1" ht="9.9499999999999993" customHeight="1">
      <c r="A90" s="763"/>
      <c r="B90" s="774"/>
      <c r="C90" s="780"/>
      <c r="D90" s="777"/>
      <c r="E90" s="778"/>
      <c r="F90" s="779"/>
      <c r="G90" s="564"/>
      <c r="H90" s="564"/>
      <c r="I90" s="284"/>
      <c r="J90" s="284"/>
      <c r="K90" s="284"/>
      <c r="L90" s="543"/>
      <c r="M90" s="284"/>
    </row>
    <row r="91" spans="1:13" s="94" customFormat="1" ht="9.9499999999999993" customHeight="1">
      <c r="A91" s="781"/>
      <c r="B91" s="775"/>
      <c r="C91" s="780"/>
      <c r="D91" s="782"/>
      <c r="E91" s="783"/>
      <c r="F91" s="784"/>
      <c r="G91" s="785"/>
      <c r="H91" s="786"/>
      <c r="I91" s="787"/>
      <c r="J91" s="286"/>
      <c r="K91" s="286"/>
      <c r="L91" s="544"/>
      <c r="M91" s="286"/>
    </row>
    <row r="92" spans="1:13" s="95" customFormat="1" ht="9.9499999999999993" customHeight="1">
      <c r="A92" s="763"/>
      <c r="B92" s="756"/>
      <c r="C92" s="777"/>
      <c r="D92" s="777"/>
      <c r="E92" s="778"/>
      <c r="F92" s="779"/>
      <c r="G92" s="564"/>
      <c r="H92" s="564"/>
      <c r="I92" s="762"/>
      <c r="J92" s="284"/>
      <c r="K92" s="286"/>
      <c r="L92" s="543"/>
      <c r="M92" s="286"/>
    </row>
    <row r="93" spans="1:13" s="95" customFormat="1" ht="9.9499999999999993" customHeight="1">
      <c r="A93" s="763"/>
      <c r="B93" s="756"/>
      <c r="C93" s="780"/>
      <c r="D93" s="777"/>
      <c r="E93" s="778"/>
      <c r="F93" s="779"/>
      <c r="G93" s="564"/>
      <c r="H93" s="564"/>
      <c r="I93" s="284"/>
      <c r="J93" s="284"/>
      <c r="K93" s="286"/>
      <c r="L93" s="543"/>
      <c r="M93" s="286"/>
    </row>
    <row r="94" spans="1:13" s="94" customFormat="1" ht="9.9499999999999993" customHeight="1">
      <c r="A94" s="788"/>
      <c r="B94" s="756"/>
      <c r="C94" s="780"/>
      <c r="D94" s="782"/>
      <c r="E94" s="783"/>
      <c r="F94" s="784"/>
      <c r="G94" s="785"/>
      <c r="H94" s="786"/>
      <c r="I94" s="787"/>
      <c r="J94" s="286"/>
      <c r="K94" s="286"/>
      <c r="L94" s="544"/>
      <c r="M94" s="286"/>
    </row>
    <row r="95" spans="1:13" s="95" customFormat="1" ht="9.9499999999999993" customHeight="1">
      <c r="A95" s="763"/>
      <c r="B95" s="756"/>
      <c r="C95" s="777"/>
      <c r="D95" s="777"/>
      <c r="E95" s="778"/>
      <c r="F95" s="779"/>
      <c r="G95" s="789"/>
      <c r="H95" s="564"/>
      <c r="I95" s="762"/>
      <c r="J95" s="284"/>
      <c r="K95" s="286"/>
      <c r="L95" s="543"/>
      <c r="M95" s="286"/>
    </row>
    <row r="96" spans="1:13" s="95" customFormat="1" ht="9.9499999999999993" customHeight="1">
      <c r="A96" s="763"/>
      <c r="B96" s="756"/>
      <c r="C96" s="780"/>
      <c r="D96" s="777"/>
      <c r="E96" s="778"/>
      <c r="F96" s="779"/>
      <c r="G96" s="789"/>
      <c r="H96" s="564"/>
      <c r="I96" s="284"/>
      <c r="J96" s="284"/>
      <c r="K96" s="286"/>
      <c r="L96" s="543"/>
      <c r="M96" s="286"/>
    </row>
    <row r="97" spans="1:13" s="94" customFormat="1" ht="9.9499999999999993" customHeight="1">
      <c r="A97" s="781"/>
      <c r="B97" s="756"/>
      <c r="C97" s="780"/>
      <c r="D97" s="782"/>
      <c r="E97" s="783"/>
      <c r="F97" s="784"/>
      <c r="G97" s="785"/>
      <c r="H97" s="786"/>
      <c r="I97" s="787"/>
      <c r="J97" s="286"/>
      <c r="K97" s="286"/>
      <c r="L97" s="544"/>
      <c r="M97" s="286"/>
    </row>
    <row r="98" spans="1:13" s="95" customFormat="1" ht="9.9499999999999993" customHeight="1">
      <c r="A98" s="763"/>
      <c r="B98" s="790"/>
      <c r="C98" s="777"/>
      <c r="D98" s="777"/>
      <c r="E98" s="778"/>
      <c r="F98" s="694"/>
      <c r="G98" s="564"/>
      <c r="H98" s="564"/>
      <c r="I98" s="762"/>
      <c r="J98" s="284"/>
      <c r="K98" s="286"/>
      <c r="L98" s="543"/>
      <c r="M98" s="286"/>
    </row>
    <row r="99" spans="1:13" s="95" customFormat="1" ht="9.9499999999999993" customHeight="1">
      <c r="A99" s="763"/>
      <c r="B99" s="790"/>
      <c r="C99" s="780"/>
      <c r="D99" s="777"/>
      <c r="E99" s="778"/>
      <c r="F99" s="694"/>
      <c r="G99" s="564"/>
      <c r="H99" s="564"/>
      <c r="I99" s="284"/>
      <c r="J99" s="284"/>
      <c r="K99" s="286"/>
      <c r="L99" s="543"/>
      <c r="M99" s="286"/>
    </row>
    <row r="100" spans="1:13" s="94" customFormat="1" ht="9.9499999999999993" customHeight="1">
      <c r="A100" s="781"/>
      <c r="B100" s="772"/>
      <c r="C100" s="780"/>
      <c r="D100" s="782"/>
      <c r="E100" s="783"/>
      <c r="F100" s="791"/>
      <c r="G100" s="785"/>
      <c r="H100" s="786"/>
      <c r="I100" s="787"/>
      <c r="J100" s="286"/>
      <c r="K100" s="286"/>
      <c r="L100" s="544"/>
      <c r="M100" s="286"/>
    </row>
    <row r="101" spans="1:13" s="95" customFormat="1" ht="9.9499999999999993" customHeight="1">
      <c r="A101" s="790"/>
      <c r="B101" s="790"/>
      <c r="C101" s="777"/>
      <c r="D101" s="777"/>
      <c r="E101" s="778"/>
      <c r="F101" s="792"/>
      <c r="G101" s="564"/>
      <c r="H101" s="564"/>
      <c r="I101" s="762"/>
      <c r="J101" s="284"/>
      <c r="K101" s="284"/>
      <c r="L101" s="543"/>
      <c r="M101" s="286"/>
    </row>
    <row r="102" spans="1:13" s="95" customFormat="1" ht="9.9499999999999993" customHeight="1">
      <c r="A102" s="790"/>
      <c r="B102" s="790"/>
      <c r="C102" s="780"/>
      <c r="D102" s="777"/>
      <c r="E102" s="778"/>
      <c r="F102" s="793"/>
      <c r="G102" s="564"/>
      <c r="H102" s="564"/>
      <c r="I102" s="284"/>
      <c r="J102" s="284"/>
      <c r="K102" s="284"/>
      <c r="L102" s="543"/>
      <c r="M102" s="284"/>
    </row>
    <row r="103" spans="1:13" s="94" customFormat="1" ht="9.9499999999999993" customHeight="1">
      <c r="A103" s="772"/>
      <c r="B103" s="772"/>
      <c r="C103" s="780"/>
      <c r="D103" s="782"/>
      <c r="E103" s="783"/>
      <c r="F103" s="793"/>
      <c r="G103" s="785"/>
      <c r="H103" s="786"/>
      <c r="I103" s="787"/>
      <c r="J103" s="286"/>
      <c r="K103" s="286"/>
      <c r="L103" s="544"/>
      <c r="M103" s="286"/>
    </row>
    <row r="104" spans="1:13" s="95" customFormat="1" ht="9.9499999999999993" customHeight="1">
      <c r="A104" s="790"/>
      <c r="B104" s="790"/>
      <c r="C104" s="777"/>
      <c r="D104" s="777"/>
      <c r="E104" s="778"/>
      <c r="F104" s="792"/>
      <c r="G104" s="794"/>
      <c r="H104" s="564"/>
      <c r="I104" s="762"/>
      <c r="J104" s="284"/>
      <c r="K104" s="284"/>
      <c r="L104" s="284"/>
      <c r="M104" s="284"/>
    </row>
    <row r="105" spans="1:13" s="95" customFormat="1" ht="9.9499999999999993" customHeight="1">
      <c r="A105" s="790"/>
      <c r="B105" s="790"/>
      <c r="C105" s="780"/>
      <c r="D105" s="777"/>
      <c r="E105" s="778"/>
      <c r="F105" s="793"/>
      <c r="G105" s="795"/>
      <c r="H105" s="564"/>
      <c r="I105" s="284"/>
      <c r="J105" s="284"/>
      <c r="K105" s="284"/>
      <c r="L105" s="284"/>
      <c r="M105" s="284"/>
    </row>
    <row r="106" spans="1:13" s="94" customFormat="1" ht="9.9499999999999993" customHeight="1">
      <c r="A106" s="772"/>
      <c r="B106" s="772"/>
      <c r="C106" s="780"/>
      <c r="D106" s="782"/>
      <c r="E106" s="783"/>
      <c r="F106" s="793"/>
      <c r="G106" s="795"/>
      <c r="H106" s="786"/>
      <c r="I106" s="787"/>
      <c r="J106" s="286"/>
      <c r="K106" s="286"/>
      <c r="L106" s="286"/>
      <c r="M106" s="286"/>
    </row>
    <row r="107" spans="1:13" s="95" customFormat="1" ht="9.9499999999999993" customHeight="1">
      <c r="A107" s="790"/>
      <c r="B107" s="790"/>
      <c r="C107" s="777"/>
      <c r="D107" s="777"/>
      <c r="E107" s="778"/>
      <c r="F107" s="792"/>
      <c r="G107" s="794"/>
      <c r="H107" s="564"/>
      <c r="I107" s="762"/>
      <c r="J107" s="284"/>
      <c r="K107" s="284"/>
      <c r="L107" s="284"/>
      <c r="M107" s="284"/>
    </row>
    <row r="108" spans="1:13" s="95" customFormat="1" ht="9.9499999999999993" customHeight="1">
      <c r="A108" s="790"/>
      <c r="B108" s="790"/>
      <c r="C108" s="780"/>
      <c r="D108" s="777"/>
      <c r="E108" s="778"/>
      <c r="F108" s="793"/>
      <c r="G108" s="795"/>
      <c r="H108" s="564"/>
      <c r="I108" s="284"/>
      <c r="J108" s="284"/>
      <c r="K108" s="284"/>
      <c r="L108" s="284"/>
      <c r="M108" s="284"/>
    </row>
    <row r="109" spans="1:13" s="94" customFormat="1" ht="9.9499999999999993" customHeight="1">
      <c r="A109" s="772"/>
      <c r="B109" s="790"/>
      <c r="C109" s="780"/>
      <c r="D109" s="782"/>
      <c r="E109" s="783"/>
      <c r="F109" s="793"/>
      <c r="G109" s="795"/>
      <c r="H109" s="786"/>
      <c r="I109" s="787"/>
      <c r="J109" s="286"/>
      <c r="K109" s="286"/>
      <c r="L109" s="286"/>
      <c r="M109" s="286"/>
    </row>
    <row r="110" spans="1:13" s="95" customFormat="1" ht="9.9499999999999993" customHeight="1">
      <c r="A110" s="796"/>
      <c r="B110" s="796"/>
      <c r="C110" s="756"/>
      <c r="D110" s="756"/>
      <c r="E110" s="778"/>
      <c r="F110" s="792"/>
      <c r="G110" s="794"/>
      <c r="H110" s="564"/>
      <c r="I110" s="762"/>
      <c r="J110" s="284"/>
      <c r="K110" s="284"/>
      <c r="L110" s="284"/>
      <c r="M110" s="284"/>
    </row>
    <row r="111" spans="1:13" s="95" customFormat="1" ht="9.9499999999999993" customHeight="1">
      <c r="A111" s="796"/>
      <c r="B111" s="796"/>
      <c r="C111" s="797"/>
      <c r="D111" s="798"/>
      <c r="E111" s="778"/>
      <c r="F111" s="793"/>
      <c r="G111" s="795"/>
      <c r="H111" s="564"/>
      <c r="I111" s="284"/>
      <c r="J111" s="284"/>
      <c r="K111" s="284"/>
      <c r="L111" s="284"/>
      <c r="M111" s="284"/>
    </row>
    <row r="112" spans="1:13" s="94" customFormat="1" ht="9.9499999999999993" customHeight="1">
      <c r="A112" s="799"/>
      <c r="B112" s="799"/>
      <c r="C112" s="800"/>
      <c r="D112" s="801"/>
      <c r="E112" s="783"/>
      <c r="F112" s="793"/>
      <c r="G112" s="795"/>
      <c r="H112" s="786"/>
      <c r="I112" s="787"/>
      <c r="J112" s="286"/>
      <c r="K112" s="286"/>
      <c r="L112" s="286"/>
      <c r="M112" s="286"/>
    </row>
    <row r="113" spans="1:13" s="95" customFormat="1" ht="9.9499999999999993" customHeight="1">
      <c r="A113" s="796"/>
      <c r="B113" s="796"/>
      <c r="C113" s="790"/>
      <c r="D113" s="772"/>
      <c r="E113" s="762"/>
      <c r="F113" s="694"/>
      <c r="G113" s="759"/>
      <c r="H113" s="802"/>
      <c r="I113" s="803"/>
      <c r="J113" s="284"/>
      <c r="K113" s="284"/>
      <c r="L113" s="284"/>
      <c r="M113" s="284"/>
    </row>
    <row r="114" spans="1:13" s="95" customFormat="1" ht="9.9499999999999993" customHeight="1">
      <c r="A114" s="796"/>
      <c r="B114" s="796"/>
      <c r="C114" s="790"/>
      <c r="D114" s="790"/>
      <c r="E114" s="762"/>
      <c r="F114" s="694"/>
      <c r="G114" s="759"/>
      <c r="H114" s="804"/>
      <c r="I114" s="805"/>
      <c r="J114" s="284"/>
      <c r="K114" s="284"/>
      <c r="L114" s="284"/>
      <c r="M114" s="284"/>
    </row>
    <row r="115" spans="1:13" s="94" customFormat="1" ht="9.9499999999999993" customHeight="1">
      <c r="A115" s="799"/>
      <c r="B115" s="799"/>
      <c r="C115" s="772"/>
      <c r="D115" s="772"/>
      <c r="E115" s="776"/>
      <c r="F115" s="791"/>
      <c r="G115" s="806"/>
      <c r="H115" s="807"/>
      <c r="I115" s="808"/>
      <c r="J115" s="286"/>
      <c r="K115" s="286"/>
      <c r="L115" s="286"/>
      <c r="M115" s="286"/>
    </row>
    <row r="116" spans="1:13" s="95" customFormat="1" ht="9.9499999999999993" customHeight="1">
      <c r="A116" s="796"/>
      <c r="B116" s="796"/>
      <c r="C116" s="796"/>
      <c r="D116" s="805"/>
      <c r="E116" s="805"/>
      <c r="F116" s="809"/>
      <c r="G116" s="810"/>
      <c r="H116" s="811"/>
      <c r="I116" s="812"/>
      <c r="J116" s="284"/>
      <c r="K116" s="284"/>
      <c r="L116" s="284"/>
      <c r="M116" s="284"/>
    </row>
    <row r="117" spans="1:13" s="95" customFormat="1" ht="9.9499999999999993" customHeight="1">
      <c r="A117" s="796"/>
      <c r="B117" s="796"/>
      <c r="C117" s="796"/>
      <c r="D117" s="805"/>
      <c r="E117" s="805"/>
      <c r="F117" s="809"/>
      <c r="G117" s="810"/>
      <c r="H117" s="813"/>
      <c r="I117" s="805"/>
      <c r="J117" s="284"/>
      <c r="K117" s="284"/>
      <c r="L117" s="284"/>
      <c r="M117" s="284"/>
    </row>
    <row r="118" spans="1:13" s="94" customFormat="1" ht="9.9499999999999993" customHeight="1">
      <c r="A118" s="799"/>
      <c r="B118" s="799"/>
      <c r="C118" s="796"/>
      <c r="D118" s="799"/>
      <c r="E118" s="814"/>
      <c r="F118" s="815"/>
      <c r="G118" s="816"/>
      <c r="H118" s="817"/>
      <c r="I118" s="808"/>
      <c r="J118" s="286"/>
      <c r="K118" s="286"/>
      <c r="L118" s="286"/>
      <c r="M118" s="286"/>
    </row>
    <row r="119" spans="1:13" s="95" customFormat="1" ht="9.9499999999999993" customHeight="1">
      <c r="A119" s="796"/>
      <c r="B119" s="796"/>
      <c r="C119" s="796"/>
      <c r="D119" s="796"/>
      <c r="E119" s="805"/>
      <c r="F119" s="809"/>
      <c r="G119" s="818"/>
      <c r="H119" s="818"/>
      <c r="I119" s="805"/>
      <c r="J119" s="284"/>
      <c r="K119" s="284"/>
      <c r="L119" s="284"/>
      <c r="M119" s="284"/>
    </row>
    <row r="120" spans="1:13" s="95" customFormat="1" ht="9.9499999999999993" customHeight="1">
      <c r="A120" s="796"/>
      <c r="B120" s="796"/>
      <c r="C120" s="796"/>
      <c r="D120" s="796"/>
      <c r="E120" s="805"/>
      <c r="F120" s="809"/>
      <c r="G120" s="818"/>
      <c r="H120" s="818"/>
      <c r="I120" s="805"/>
      <c r="J120" s="284"/>
      <c r="K120" s="284"/>
      <c r="L120" s="284"/>
      <c r="M120" s="284"/>
    </row>
    <row r="121" spans="1:13" s="94" customFormat="1" ht="9.9499999999999993" customHeight="1">
      <c r="A121" s="799"/>
      <c r="B121" s="799"/>
      <c r="C121" s="796"/>
      <c r="D121" s="799"/>
      <c r="E121" s="814"/>
      <c r="F121" s="819"/>
      <c r="G121" s="820"/>
      <c r="H121" s="821"/>
      <c r="I121" s="814"/>
      <c r="J121" s="286"/>
      <c r="K121" s="286"/>
      <c r="L121" s="286"/>
      <c r="M121" s="286"/>
    </row>
    <row r="122" spans="1:13" s="91" customFormat="1" ht="30" customHeight="1">
      <c r="A122" s="965"/>
      <c r="B122" s="965"/>
      <c r="C122" s="965"/>
      <c r="D122" s="965"/>
      <c r="E122" s="965"/>
      <c r="F122" s="965"/>
      <c r="G122" s="965"/>
      <c r="H122" s="965"/>
      <c r="I122" s="965"/>
      <c r="J122" s="822"/>
      <c r="K122" s="822"/>
      <c r="L122" s="822"/>
      <c r="M122" s="822"/>
    </row>
    <row r="123" spans="1:13" s="90" customFormat="1" ht="30" customHeight="1">
      <c r="A123" s="823"/>
      <c r="B123" s="823"/>
      <c r="C123" s="823"/>
      <c r="D123" s="823"/>
      <c r="E123" s="823"/>
      <c r="F123" s="823"/>
      <c r="G123" s="824"/>
      <c r="H123" s="825"/>
      <c r="I123" s="823"/>
      <c r="J123" s="826"/>
      <c r="K123" s="826"/>
      <c r="L123" s="826"/>
      <c r="M123" s="826"/>
    </row>
    <row r="124" spans="1:13" s="95" customFormat="1" ht="9.9499999999999993" customHeight="1">
      <c r="A124" s="454"/>
      <c r="B124" s="756"/>
      <c r="C124" s="757"/>
      <c r="D124" s="758"/>
      <c r="E124" s="759"/>
      <c r="F124" s="759"/>
      <c r="G124" s="760"/>
      <c r="H124" s="761"/>
      <c r="I124" s="762"/>
      <c r="J124" s="284"/>
      <c r="K124" s="284"/>
      <c r="L124" s="284"/>
      <c r="M124" s="284"/>
    </row>
    <row r="125" spans="1:13" s="95" customFormat="1" ht="9.9499999999999993" customHeight="1">
      <c r="A125" s="763"/>
      <c r="B125" s="756"/>
      <c r="C125" s="764"/>
      <c r="D125" s="758"/>
      <c r="E125" s="759"/>
      <c r="F125" s="759"/>
      <c r="G125" s="765"/>
      <c r="H125" s="766"/>
      <c r="I125" s="762"/>
      <c r="J125" s="284"/>
      <c r="K125" s="284"/>
      <c r="L125" s="284"/>
      <c r="M125" s="284"/>
    </row>
    <row r="126" spans="1:13" s="94" customFormat="1" ht="9.9499999999999993" customHeight="1">
      <c r="A126" s="457"/>
      <c r="B126" s="767"/>
      <c r="C126" s="764"/>
      <c r="D126" s="768"/>
      <c r="E126" s="769"/>
      <c r="F126" s="769"/>
      <c r="G126" s="770"/>
      <c r="H126" s="771"/>
      <c r="I126" s="772"/>
      <c r="J126" s="286"/>
      <c r="K126" s="286"/>
      <c r="L126" s="286"/>
      <c r="M126" s="286"/>
    </row>
    <row r="127" spans="1:13" s="95" customFormat="1" ht="9.9499999999999993" customHeight="1">
      <c r="A127" s="763"/>
      <c r="B127" s="774"/>
      <c r="C127" s="454"/>
      <c r="D127" s="454"/>
      <c r="E127" s="454"/>
      <c r="F127" s="454"/>
      <c r="G127" s="454"/>
      <c r="H127" s="454"/>
      <c r="I127" s="762"/>
      <c r="J127" s="284"/>
      <c r="K127" s="284"/>
      <c r="L127" s="284"/>
      <c r="M127" s="284"/>
    </row>
    <row r="128" spans="1:13" s="95" customFormat="1" ht="9.9499999999999993" customHeight="1">
      <c r="A128" s="763"/>
      <c r="B128" s="774"/>
      <c r="C128" s="454"/>
      <c r="D128" s="454"/>
      <c r="E128" s="454"/>
      <c r="F128" s="454"/>
      <c r="G128" s="454"/>
      <c r="H128" s="454"/>
      <c r="I128" s="762"/>
      <c r="J128" s="284"/>
      <c r="K128" s="284"/>
      <c r="L128" s="284"/>
      <c r="M128" s="284"/>
    </row>
    <row r="129" spans="1:13" s="94" customFormat="1" ht="9.9499999999999993" customHeight="1">
      <c r="A129" s="781"/>
      <c r="B129" s="775"/>
      <c r="C129" s="457"/>
      <c r="D129" s="457"/>
      <c r="E129" s="457"/>
      <c r="F129" s="457"/>
      <c r="G129" s="457"/>
      <c r="H129" s="457"/>
      <c r="I129" s="776"/>
      <c r="J129" s="286"/>
      <c r="K129" s="286"/>
      <c r="L129" s="286"/>
      <c r="M129" s="286"/>
    </row>
    <row r="130" spans="1:13" s="95" customFormat="1" ht="9.9499999999999993" customHeight="1">
      <c r="A130" s="763"/>
      <c r="B130" s="774"/>
      <c r="C130" s="756"/>
      <c r="D130" s="827"/>
      <c r="E130" s="828"/>
      <c r="F130" s="779"/>
      <c r="G130" s="564"/>
      <c r="H130" s="564"/>
      <c r="I130" s="762"/>
      <c r="J130" s="284"/>
      <c r="K130" s="284"/>
      <c r="L130" s="284"/>
      <c r="M130" s="284"/>
    </row>
    <row r="131" spans="1:13" s="95" customFormat="1" ht="9.9499999999999993" customHeight="1">
      <c r="A131" s="763"/>
      <c r="B131" s="774"/>
      <c r="C131" s="756"/>
      <c r="D131" s="827"/>
      <c r="E131" s="828"/>
      <c r="F131" s="779"/>
      <c r="G131" s="564"/>
      <c r="H131" s="564"/>
      <c r="I131" s="284"/>
      <c r="J131" s="284"/>
      <c r="K131" s="284"/>
      <c r="L131" s="284"/>
      <c r="M131" s="284"/>
    </row>
    <row r="132" spans="1:13" s="94" customFormat="1" ht="9.9499999999999993" customHeight="1">
      <c r="A132" s="781"/>
      <c r="B132" s="775"/>
      <c r="C132" s="767"/>
      <c r="D132" s="767"/>
      <c r="E132" s="829"/>
      <c r="F132" s="784"/>
      <c r="G132" s="785"/>
      <c r="H132" s="786"/>
      <c r="I132" s="787"/>
      <c r="J132" s="286"/>
      <c r="K132" s="286"/>
      <c r="L132" s="286"/>
      <c r="M132" s="286"/>
    </row>
    <row r="133" spans="1:13" s="95" customFormat="1" ht="9.9499999999999993" customHeight="1">
      <c r="A133" s="763"/>
      <c r="B133" s="756"/>
      <c r="C133" s="756"/>
      <c r="D133" s="827"/>
      <c r="E133" s="828"/>
      <c r="F133" s="779"/>
      <c r="G133" s="564"/>
      <c r="H133" s="564"/>
      <c r="I133" s="762"/>
      <c r="J133" s="284"/>
      <c r="K133" s="284"/>
      <c r="L133" s="284"/>
      <c r="M133" s="284"/>
    </row>
    <row r="134" spans="1:13" s="95" customFormat="1" ht="9.9499999999999993" customHeight="1">
      <c r="A134" s="763"/>
      <c r="B134" s="756"/>
      <c r="C134" s="756"/>
      <c r="D134" s="827"/>
      <c r="E134" s="828"/>
      <c r="F134" s="779"/>
      <c r="G134" s="564"/>
      <c r="H134" s="564"/>
      <c r="I134" s="284"/>
      <c r="J134" s="284"/>
      <c r="K134" s="284"/>
      <c r="L134" s="284"/>
      <c r="M134" s="284"/>
    </row>
    <row r="135" spans="1:13" s="94" customFormat="1" ht="9.9499999999999993" customHeight="1">
      <c r="A135" s="788"/>
      <c r="B135" s="756"/>
      <c r="C135" s="767"/>
      <c r="D135" s="767"/>
      <c r="E135" s="829"/>
      <c r="F135" s="784"/>
      <c r="G135" s="785"/>
      <c r="H135" s="786"/>
      <c r="I135" s="787"/>
      <c r="J135" s="286"/>
      <c r="K135" s="286"/>
      <c r="L135" s="286"/>
      <c r="M135" s="286"/>
    </row>
    <row r="136" spans="1:13" s="95" customFormat="1" ht="9.9499999999999993" customHeight="1">
      <c r="A136" s="763"/>
      <c r="B136" s="756"/>
      <c r="C136" s="756"/>
      <c r="D136" s="830"/>
      <c r="E136" s="828"/>
      <c r="F136" s="779"/>
      <c r="G136" s="789"/>
      <c r="H136" s="564"/>
      <c r="I136" s="762"/>
      <c r="J136" s="284"/>
      <c r="K136" s="284"/>
      <c r="L136" s="284"/>
      <c r="M136" s="284"/>
    </row>
    <row r="137" spans="1:13" s="95" customFormat="1" ht="9.9499999999999993" customHeight="1">
      <c r="A137" s="763"/>
      <c r="B137" s="756"/>
      <c r="C137" s="756"/>
      <c r="D137" s="831"/>
      <c r="E137" s="828"/>
      <c r="F137" s="779"/>
      <c r="G137" s="789"/>
      <c r="H137" s="564"/>
      <c r="I137" s="284"/>
      <c r="J137" s="284"/>
      <c r="K137" s="284"/>
      <c r="L137" s="284"/>
      <c r="M137" s="284"/>
    </row>
    <row r="138" spans="1:13" s="94" customFormat="1" ht="9.9499999999999993" customHeight="1">
      <c r="A138" s="781"/>
      <c r="B138" s="756"/>
      <c r="C138" s="832"/>
      <c r="D138" s="833"/>
      <c r="E138" s="829"/>
      <c r="F138" s="784"/>
      <c r="G138" s="785"/>
      <c r="H138" s="786"/>
      <c r="I138" s="787"/>
      <c r="J138" s="286"/>
      <c r="K138" s="286"/>
      <c r="L138" s="286"/>
      <c r="M138" s="286"/>
    </row>
    <row r="139" spans="1:13" s="95" customFormat="1" ht="9.9499999999999993" customHeight="1">
      <c r="A139" s="763"/>
      <c r="B139" s="790"/>
      <c r="C139" s="790"/>
      <c r="D139" s="772"/>
      <c r="E139" s="828"/>
      <c r="F139" s="779"/>
      <c r="G139" s="789"/>
      <c r="H139" s="564"/>
      <c r="I139" s="762"/>
      <c r="J139" s="284"/>
      <c r="K139" s="284"/>
      <c r="L139" s="284"/>
      <c r="M139" s="284"/>
    </row>
    <row r="140" spans="1:13" s="95" customFormat="1" ht="9.9499999999999993" customHeight="1">
      <c r="A140" s="763"/>
      <c r="B140" s="790"/>
      <c r="C140" s="790"/>
      <c r="D140" s="790"/>
      <c r="E140" s="828"/>
      <c r="F140" s="779"/>
      <c r="G140" s="789"/>
      <c r="H140" s="564"/>
      <c r="I140" s="284"/>
      <c r="J140" s="284"/>
      <c r="K140" s="284"/>
      <c r="L140" s="284"/>
      <c r="M140" s="284"/>
    </row>
    <row r="141" spans="1:13" s="94" customFormat="1" ht="9.9499999999999993" customHeight="1">
      <c r="A141" s="781"/>
      <c r="B141" s="772"/>
      <c r="C141" s="772"/>
      <c r="D141" s="772"/>
      <c r="E141" s="829"/>
      <c r="F141" s="784"/>
      <c r="G141" s="785"/>
      <c r="H141" s="786"/>
      <c r="I141" s="787"/>
      <c r="J141" s="286"/>
      <c r="K141" s="286"/>
      <c r="L141" s="286"/>
      <c r="M141" s="286"/>
    </row>
    <row r="142" spans="1:13" s="95" customFormat="1" ht="9.9499999999999993" customHeight="1">
      <c r="A142" s="454"/>
      <c r="B142" s="756"/>
      <c r="C142" s="790"/>
      <c r="D142" s="772"/>
      <c r="E142" s="762"/>
      <c r="F142" s="694"/>
      <c r="G142" s="759"/>
      <c r="H142" s="802"/>
      <c r="I142" s="834"/>
      <c r="J142" s="284"/>
      <c r="K142" s="284"/>
      <c r="L142" s="284"/>
      <c r="M142" s="284"/>
    </row>
    <row r="143" spans="1:13" s="95" customFormat="1" ht="9.9499999999999993" customHeight="1">
      <c r="A143" s="763"/>
      <c r="B143" s="756"/>
      <c r="C143" s="790"/>
      <c r="D143" s="790"/>
      <c r="E143" s="762"/>
      <c r="F143" s="694"/>
      <c r="G143" s="759"/>
      <c r="H143" s="804"/>
      <c r="I143" s="797"/>
      <c r="J143" s="284"/>
      <c r="K143" s="284"/>
      <c r="L143" s="284"/>
      <c r="M143" s="284"/>
    </row>
    <row r="144" spans="1:13" s="94" customFormat="1" ht="9.9499999999999993" customHeight="1">
      <c r="A144" s="457"/>
      <c r="B144" s="767"/>
      <c r="C144" s="772"/>
      <c r="D144" s="772"/>
      <c r="E144" s="776"/>
      <c r="F144" s="791"/>
      <c r="G144" s="806"/>
      <c r="H144" s="807"/>
      <c r="I144" s="834"/>
      <c r="J144" s="286"/>
      <c r="K144" s="286"/>
      <c r="L144" s="286"/>
      <c r="M144" s="286"/>
    </row>
    <row r="145" spans="1:13" s="95" customFormat="1" ht="9.9499999999999993" customHeight="1">
      <c r="A145" s="454"/>
      <c r="B145" s="773"/>
      <c r="C145" s="757"/>
      <c r="D145" s="758"/>
      <c r="E145" s="758"/>
      <c r="F145" s="835"/>
      <c r="G145" s="766"/>
      <c r="H145" s="766"/>
      <c r="I145" s="834"/>
      <c r="J145" s="284"/>
      <c r="K145" s="284"/>
      <c r="L145" s="284"/>
      <c r="M145" s="284"/>
    </row>
    <row r="146" spans="1:13" s="95" customFormat="1" ht="9.9499999999999993" customHeight="1">
      <c r="A146" s="763"/>
      <c r="B146" s="773"/>
      <c r="C146" s="764"/>
      <c r="D146" s="758"/>
      <c r="E146" s="758"/>
      <c r="F146" s="835"/>
      <c r="G146" s="761"/>
      <c r="H146" s="761"/>
      <c r="I146" s="797"/>
      <c r="J146" s="284"/>
      <c r="K146" s="284"/>
      <c r="L146" s="284"/>
      <c r="M146" s="284"/>
    </row>
    <row r="147" spans="1:13" s="94" customFormat="1" ht="9.9499999999999993" customHeight="1">
      <c r="A147" s="457"/>
      <c r="B147" s="836"/>
      <c r="C147" s="837"/>
      <c r="D147" s="768"/>
      <c r="E147" s="768"/>
      <c r="F147" s="835"/>
      <c r="G147" s="786"/>
      <c r="H147" s="786"/>
      <c r="I147" s="834"/>
      <c r="J147" s="286"/>
      <c r="K147" s="286"/>
      <c r="L147" s="286"/>
      <c r="M147" s="286"/>
    </row>
    <row r="148" spans="1:13" s="95" customFormat="1" ht="9.9499999999999993" customHeight="1">
      <c r="A148" s="454"/>
      <c r="B148" s="773"/>
      <c r="C148" s="774"/>
      <c r="D148" s="828"/>
      <c r="E148" s="828"/>
      <c r="F148" s="835"/>
      <c r="G148" s="766"/>
      <c r="H148" s="766"/>
      <c r="I148" s="834"/>
      <c r="J148" s="284"/>
      <c r="K148" s="284"/>
      <c r="L148" s="284"/>
      <c r="M148" s="284"/>
    </row>
    <row r="149" spans="1:13" s="95" customFormat="1" ht="9.9499999999999993" customHeight="1">
      <c r="A149" s="763"/>
      <c r="B149" s="773"/>
      <c r="C149" s="774"/>
      <c r="D149" s="828"/>
      <c r="E149" s="828"/>
      <c r="F149" s="835"/>
      <c r="G149" s="761"/>
      <c r="H149" s="761"/>
      <c r="I149" s="797"/>
      <c r="J149" s="284"/>
      <c r="K149" s="284"/>
      <c r="L149" s="284"/>
      <c r="M149" s="284"/>
    </row>
    <row r="150" spans="1:13" s="94" customFormat="1" ht="9.9499999999999993" customHeight="1">
      <c r="A150" s="457"/>
      <c r="B150" s="836"/>
      <c r="C150" s="838"/>
      <c r="D150" s="838"/>
      <c r="E150" s="776"/>
      <c r="F150" s="835"/>
      <c r="G150" s="839"/>
      <c r="H150" s="839"/>
      <c r="I150" s="834"/>
      <c r="J150" s="286"/>
      <c r="K150" s="286"/>
      <c r="L150" s="286"/>
      <c r="M150" s="286"/>
    </row>
    <row r="151" spans="1:13" s="95" customFormat="1" ht="9.9499999999999993" customHeight="1">
      <c r="A151" s="454"/>
      <c r="B151" s="756"/>
      <c r="C151" s="756"/>
      <c r="D151" s="830"/>
      <c r="E151" s="828"/>
      <c r="F151" s="840"/>
      <c r="G151" s="785"/>
      <c r="H151" s="564"/>
      <c r="I151" s="803"/>
      <c r="J151" s="284"/>
      <c r="K151" s="284"/>
      <c r="L151" s="784"/>
      <c r="M151" s="284"/>
    </row>
    <row r="152" spans="1:13" s="95" customFormat="1" ht="9.9499999999999993" customHeight="1">
      <c r="A152" s="763"/>
      <c r="B152" s="756"/>
      <c r="C152" s="756"/>
      <c r="D152" s="831"/>
      <c r="E152" s="828"/>
      <c r="F152" s="779"/>
      <c r="G152" s="785"/>
      <c r="H152" s="841"/>
      <c r="I152" s="842"/>
      <c r="J152" s="284"/>
      <c r="K152" s="284"/>
      <c r="L152" s="284"/>
      <c r="M152" s="284"/>
    </row>
    <row r="153" spans="1:13" s="94" customFormat="1" ht="9.9499999999999993" customHeight="1">
      <c r="A153" s="457"/>
      <c r="B153" s="756"/>
      <c r="C153" s="767"/>
      <c r="D153" s="767"/>
      <c r="E153" s="829"/>
      <c r="F153" s="843"/>
      <c r="G153" s="844"/>
      <c r="H153" s="770"/>
      <c r="I153" s="845"/>
      <c r="J153" s="286"/>
      <c r="K153" s="286"/>
      <c r="L153" s="286"/>
      <c r="M153" s="286"/>
    </row>
    <row r="154" spans="1:13" s="95" customFormat="1" ht="9.9499999999999993" customHeight="1">
      <c r="A154" s="454"/>
      <c r="B154" s="756"/>
      <c r="C154" s="756"/>
      <c r="D154" s="830"/>
      <c r="E154" s="828"/>
      <c r="F154" s="840"/>
      <c r="G154" s="785"/>
      <c r="H154" s="564"/>
      <c r="I154" s="846"/>
      <c r="J154" s="284"/>
      <c r="K154" s="284"/>
      <c r="L154" s="284"/>
      <c r="M154" s="284"/>
    </row>
    <row r="155" spans="1:13" s="95" customFormat="1" ht="9.9499999999999993" customHeight="1">
      <c r="A155" s="763"/>
      <c r="B155" s="756"/>
      <c r="C155" s="756"/>
      <c r="D155" s="831"/>
      <c r="E155" s="828"/>
      <c r="F155" s="779"/>
      <c r="G155" s="785"/>
      <c r="H155" s="841"/>
      <c r="I155" s="847"/>
      <c r="J155" s="284"/>
      <c r="K155" s="284"/>
      <c r="L155" s="284"/>
      <c r="M155" s="284"/>
    </row>
    <row r="156" spans="1:13" s="94" customFormat="1" ht="9.9499999999999993" customHeight="1">
      <c r="A156" s="457"/>
      <c r="B156" s="767"/>
      <c r="C156" s="767"/>
      <c r="D156" s="767"/>
      <c r="E156" s="829"/>
      <c r="F156" s="843"/>
      <c r="G156" s="844"/>
      <c r="H156" s="770"/>
      <c r="I156" s="845"/>
      <c r="J156" s="286"/>
      <c r="K156" s="286"/>
      <c r="L156" s="286"/>
      <c r="M156" s="286"/>
    </row>
    <row r="157" spans="1:13" s="95" customFormat="1" ht="9.9499999999999993" customHeight="1">
      <c r="A157" s="773"/>
      <c r="B157" s="773"/>
      <c r="C157" s="756"/>
      <c r="D157" s="830"/>
      <c r="E157" s="828"/>
      <c r="F157" s="835"/>
      <c r="G157" s="785"/>
      <c r="H157" s="564"/>
      <c r="I157" s="803"/>
      <c r="J157" s="284"/>
      <c r="K157" s="284"/>
      <c r="L157" s="284"/>
      <c r="M157" s="284"/>
    </row>
    <row r="158" spans="1:13" s="95" customFormat="1" ht="9.9499999999999993" customHeight="1">
      <c r="A158" s="773"/>
      <c r="B158" s="773"/>
      <c r="C158" s="756"/>
      <c r="D158" s="831"/>
      <c r="E158" s="828"/>
      <c r="F158" s="835"/>
      <c r="G158" s="785"/>
      <c r="H158" s="841"/>
      <c r="I158" s="842"/>
      <c r="J158" s="284"/>
      <c r="K158" s="284"/>
      <c r="L158" s="284"/>
      <c r="M158" s="284"/>
    </row>
    <row r="159" spans="1:13" s="94" customFormat="1" ht="9.9499999999999993" customHeight="1">
      <c r="A159" s="773"/>
      <c r="B159" s="836"/>
      <c r="C159" s="767"/>
      <c r="D159" s="767"/>
      <c r="E159" s="829"/>
      <c r="F159" s="848"/>
      <c r="G159" s="844"/>
      <c r="H159" s="770"/>
      <c r="I159" s="845"/>
      <c r="J159" s="286"/>
      <c r="K159" s="286"/>
      <c r="L159" s="286"/>
      <c r="M159" s="286"/>
    </row>
    <row r="160" spans="1:13" s="95" customFormat="1" ht="9.75" customHeight="1">
      <c r="A160" s="763"/>
      <c r="B160" s="790"/>
      <c r="C160" s="790"/>
      <c r="D160" s="772"/>
      <c r="E160" s="762"/>
      <c r="F160" s="694"/>
      <c r="G160" s="759"/>
      <c r="H160" s="802"/>
      <c r="I160" s="803"/>
      <c r="J160" s="284"/>
      <c r="K160" s="284"/>
      <c r="L160" s="284"/>
      <c r="M160" s="284"/>
    </row>
    <row r="161" spans="1:13" s="95" customFormat="1" ht="9.75" customHeight="1">
      <c r="A161" s="763"/>
      <c r="B161" s="790"/>
      <c r="C161" s="790"/>
      <c r="D161" s="790"/>
      <c r="E161" s="762"/>
      <c r="F161" s="694"/>
      <c r="G161" s="759"/>
      <c r="H161" s="804"/>
      <c r="I161" s="842"/>
      <c r="J161" s="284"/>
      <c r="K161" s="284"/>
      <c r="L161" s="284"/>
      <c r="M161" s="284"/>
    </row>
    <row r="162" spans="1:13" s="94" customFormat="1" ht="9.9499999999999993" customHeight="1">
      <c r="A162" s="788"/>
      <c r="B162" s="772"/>
      <c r="C162" s="772"/>
      <c r="D162" s="772"/>
      <c r="E162" s="776"/>
      <c r="F162" s="791"/>
      <c r="G162" s="806"/>
      <c r="H162" s="807"/>
      <c r="I162" s="845"/>
      <c r="J162" s="286"/>
      <c r="K162" s="286"/>
      <c r="L162" s="286"/>
      <c r="M162" s="286"/>
    </row>
    <row r="163" spans="1:13" s="96" customFormat="1" ht="30" customHeight="1">
      <c r="A163" s="823"/>
      <c r="B163" s="823"/>
      <c r="C163" s="823"/>
      <c r="D163" s="823"/>
      <c r="E163" s="823"/>
      <c r="F163" s="823"/>
      <c r="G163" s="823"/>
      <c r="H163" s="849"/>
      <c r="I163" s="823"/>
      <c r="J163" s="850"/>
      <c r="K163" s="850"/>
      <c r="L163" s="850"/>
      <c r="M163" s="850"/>
    </row>
    <row r="164" spans="1:13" s="95" customFormat="1" ht="9.9499999999999993" customHeight="1">
      <c r="A164" s="454"/>
      <c r="B164" s="774"/>
      <c r="C164" s="774"/>
      <c r="D164" s="828"/>
      <c r="E164" s="828"/>
      <c r="F164" s="835"/>
      <c r="G164" s="766"/>
      <c r="H164" s="766"/>
      <c r="I164" s="834"/>
      <c r="J164" s="284"/>
      <c r="K164" s="284"/>
      <c r="L164" s="284"/>
      <c r="M164" s="284"/>
    </row>
    <row r="165" spans="1:13" s="95" customFormat="1" ht="9.9499999999999993" customHeight="1">
      <c r="A165" s="763"/>
      <c r="B165" s="774"/>
      <c r="C165" s="774"/>
      <c r="D165" s="828"/>
      <c r="E165" s="828"/>
      <c r="F165" s="835"/>
      <c r="G165" s="761"/>
      <c r="H165" s="761"/>
      <c r="I165" s="797"/>
      <c r="J165" s="284"/>
      <c r="K165" s="284"/>
      <c r="L165" s="284"/>
      <c r="M165" s="284"/>
    </row>
    <row r="166" spans="1:13" s="94" customFormat="1" ht="9.9499999999999993" customHeight="1">
      <c r="A166" s="457"/>
      <c r="B166" s="756"/>
      <c r="C166" s="838"/>
      <c r="D166" s="838"/>
      <c r="E166" s="776"/>
      <c r="F166" s="835"/>
      <c r="G166" s="839"/>
      <c r="H166" s="839"/>
      <c r="I166" s="834"/>
      <c r="J166" s="286"/>
      <c r="K166" s="286"/>
      <c r="L166" s="286"/>
      <c r="M166" s="286"/>
    </row>
    <row r="167" spans="1:13" s="95" customFormat="1" ht="9.9499999999999993" customHeight="1">
      <c r="A167" s="763"/>
      <c r="B167" s="790"/>
      <c r="C167" s="790"/>
      <c r="D167" s="772"/>
      <c r="E167" s="762"/>
      <c r="F167" s="835"/>
      <c r="G167" s="785"/>
      <c r="H167" s="564"/>
      <c r="I167" s="834"/>
      <c r="J167" s="284"/>
      <c r="K167" s="284"/>
      <c r="L167" s="284"/>
      <c r="M167" s="284"/>
    </row>
    <row r="168" spans="1:13" s="95" customFormat="1" ht="9.9499999999999993" customHeight="1">
      <c r="A168" s="763"/>
      <c r="B168" s="790"/>
      <c r="C168" s="790"/>
      <c r="D168" s="790"/>
      <c r="E168" s="762"/>
      <c r="F168" s="835"/>
      <c r="G168" s="785"/>
      <c r="H168" s="841"/>
      <c r="I168" s="797"/>
      <c r="J168" s="284"/>
      <c r="K168" s="284"/>
      <c r="L168" s="284"/>
      <c r="M168" s="284"/>
    </row>
    <row r="169" spans="1:13" s="94" customFormat="1" ht="9.9499999999999993" customHeight="1">
      <c r="A169" s="781"/>
      <c r="B169" s="772"/>
      <c r="C169" s="772"/>
      <c r="D169" s="772"/>
      <c r="E169" s="776"/>
      <c r="F169" s="848"/>
      <c r="G169" s="844"/>
      <c r="H169" s="770"/>
      <c r="I169" s="834"/>
      <c r="J169" s="286"/>
      <c r="K169" s="286"/>
      <c r="L169" s="286"/>
      <c r="M169" s="286"/>
    </row>
    <row r="170" spans="1:13" s="95" customFormat="1" ht="9.9499999999999993" customHeight="1">
      <c r="A170" s="454"/>
      <c r="B170" s="756"/>
      <c r="C170" s="756"/>
      <c r="D170" s="830"/>
      <c r="E170" s="828"/>
      <c r="F170" s="835"/>
      <c r="G170" s="785"/>
      <c r="H170" s="564"/>
      <c r="I170" s="846"/>
      <c r="J170" s="284"/>
      <c r="K170" s="284"/>
      <c r="L170" s="543"/>
      <c r="M170" s="284"/>
    </row>
    <row r="171" spans="1:13" s="95" customFormat="1" ht="9.9499999999999993" customHeight="1">
      <c r="A171" s="763"/>
      <c r="B171" s="756"/>
      <c r="C171" s="756"/>
      <c r="D171" s="831"/>
      <c r="E171" s="828"/>
      <c r="F171" s="835"/>
      <c r="G171" s="785"/>
      <c r="H171" s="841"/>
      <c r="I171" s="847"/>
      <c r="J171" s="284"/>
      <c r="K171" s="284"/>
      <c r="L171" s="543"/>
      <c r="M171" s="284"/>
    </row>
    <row r="172" spans="1:13" s="94" customFormat="1" ht="9.9499999999999993" customHeight="1">
      <c r="A172" s="457"/>
      <c r="B172" s="767"/>
      <c r="C172" s="767"/>
      <c r="D172" s="767"/>
      <c r="E172" s="829"/>
      <c r="F172" s="848"/>
      <c r="G172" s="844"/>
      <c r="H172" s="770"/>
      <c r="I172" s="845"/>
      <c r="J172" s="286"/>
      <c r="K172" s="286"/>
      <c r="L172" s="544"/>
      <c r="M172" s="286"/>
    </row>
    <row r="173" spans="1:13" s="95" customFormat="1" ht="9.9499999999999993" customHeight="1">
      <c r="A173" s="773"/>
      <c r="B173" s="773"/>
      <c r="C173" s="756"/>
      <c r="D173" s="830"/>
      <c r="E173" s="828"/>
      <c r="F173" s="835"/>
      <c r="G173" s="785"/>
      <c r="H173" s="564"/>
      <c r="I173" s="803"/>
      <c r="J173" s="284"/>
      <c r="K173" s="286"/>
      <c r="L173" s="543"/>
      <c r="M173" s="286"/>
    </row>
    <row r="174" spans="1:13" s="95" customFormat="1" ht="9.9499999999999993" customHeight="1">
      <c r="A174" s="773"/>
      <c r="B174" s="773"/>
      <c r="C174" s="756"/>
      <c r="D174" s="831"/>
      <c r="E174" s="828"/>
      <c r="F174" s="835"/>
      <c r="G174" s="785"/>
      <c r="H174" s="841"/>
      <c r="I174" s="842"/>
      <c r="J174" s="284"/>
      <c r="K174" s="286"/>
      <c r="L174" s="543"/>
      <c r="M174" s="286"/>
    </row>
    <row r="175" spans="1:13" s="94" customFormat="1" ht="9.9499999999999993" customHeight="1">
      <c r="A175" s="773"/>
      <c r="B175" s="836"/>
      <c r="C175" s="767"/>
      <c r="D175" s="767"/>
      <c r="E175" s="829"/>
      <c r="F175" s="848"/>
      <c r="G175" s="844"/>
      <c r="H175" s="770"/>
      <c r="I175" s="845"/>
      <c r="J175" s="286"/>
      <c r="K175" s="286"/>
      <c r="L175" s="544"/>
      <c r="M175" s="286"/>
    </row>
    <row r="176" spans="1:13" s="95" customFormat="1" ht="9.9499999999999993" customHeight="1">
      <c r="A176" s="763"/>
      <c r="B176" s="756"/>
      <c r="C176" s="777"/>
      <c r="D176" s="777"/>
      <c r="E176" s="778"/>
      <c r="F176" s="779"/>
      <c r="G176" s="789"/>
      <c r="H176" s="564"/>
      <c r="I176" s="762"/>
      <c r="J176" s="284"/>
      <c r="K176" s="286"/>
      <c r="L176" s="543"/>
      <c r="M176" s="286"/>
    </row>
    <row r="177" spans="1:13" s="95" customFormat="1" ht="9.9499999999999993" customHeight="1">
      <c r="A177" s="763"/>
      <c r="B177" s="756"/>
      <c r="C177" s="780"/>
      <c r="D177" s="777"/>
      <c r="E177" s="778"/>
      <c r="F177" s="779"/>
      <c r="G177" s="789"/>
      <c r="H177" s="564"/>
      <c r="I177" s="284"/>
      <c r="J177" s="284"/>
      <c r="K177" s="286"/>
      <c r="L177" s="543"/>
      <c r="M177" s="286"/>
    </row>
    <row r="178" spans="1:13" s="94" customFormat="1" ht="9.9499999999999993" customHeight="1">
      <c r="A178" s="781"/>
      <c r="B178" s="756"/>
      <c r="C178" s="780"/>
      <c r="D178" s="782"/>
      <c r="E178" s="783"/>
      <c r="F178" s="784"/>
      <c r="G178" s="785"/>
      <c r="H178" s="786"/>
      <c r="I178" s="787"/>
      <c r="J178" s="286"/>
      <c r="K178" s="286"/>
      <c r="L178" s="544"/>
      <c r="M178" s="286"/>
    </row>
    <row r="179" spans="1:13" s="95" customFormat="1" ht="9.9499999999999993" customHeight="1">
      <c r="A179" s="763"/>
      <c r="B179" s="790"/>
      <c r="C179" s="777"/>
      <c r="D179" s="777"/>
      <c r="E179" s="778"/>
      <c r="F179" s="694"/>
      <c r="G179" s="564"/>
      <c r="H179" s="564"/>
      <c r="I179" s="762"/>
      <c r="J179" s="284"/>
      <c r="K179" s="286"/>
      <c r="L179" s="543"/>
      <c r="M179" s="286"/>
    </row>
    <row r="180" spans="1:13" s="95" customFormat="1" ht="9.9499999999999993" customHeight="1">
      <c r="A180" s="763"/>
      <c r="B180" s="790"/>
      <c r="C180" s="780"/>
      <c r="D180" s="777"/>
      <c r="E180" s="778"/>
      <c r="F180" s="694"/>
      <c r="G180" s="564"/>
      <c r="H180" s="564"/>
      <c r="I180" s="284"/>
      <c r="J180" s="284"/>
      <c r="K180" s="286"/>
      <c r="L180" s="543"/>
      <c r="M180" s="286"/>
    </row>
    <row r="181" spans="1:13" s="94" customFormat="1" ht="9.9499999999999993" customHeight="1">
      <c r="A181" s="781"/>
      <c r="B181" s="772"/>
      <c r="C181" s="780"/>
      <c r="D181" s="782"/>
      <c r="E181" s="783"/>
      <c r="F181" s="791"/>
      <c r="G181" s="785"/>
      <c r="H181" s="786"/>
      <c r="I181" s="787"/>
      <c r="J181" s="286"/>
      <c r="K181" s="286"/>
      <c r="L181" s="544"/>
      <c r="M181" s="286"/>
    </row>
    <row r="182" spans="1:13" s="95" customFormat="1" ht="9.9499999999999993" customHeight="1">
      <c r="A182" s="790"/>
      <c r="B182" s="790"/>
      <c r="C182" s="777"/>
      <c r="D182" s="777"/>
      <c r="E182" s="778"/>
      <c r="F182" s="792"/>
      <c r="G182" s="564"/>
      <c r="H182" s="564"/>
      <c r="I182" s="762"/>
      <c r="J182" s="284"/>
      <c r="K182" s="284"/>
      <c r="L182" s="543"/>
      <c r="M182" s="286"/>
    </row>
    <row r="183" spans="1:13" s="95" customFormat="1" ht="9.9499999999999993" customHeight="1">
      <c r="A183" s="790"/>
      <c r="B183" s="790"/>
      <c r="C183" s="780"/>
      <c r="D183" s="777"/>
      <c r="E183" s="778"/>
      <c r="F183" s="793"/>
      <c r="G183" s="564"/>
      <c r="H183" s="564"/>
      <c r="I183" s="284"/>
      <c r="J183" s="284"/>
      <c r="K183" s="284"/>
      <c r="L183" s="543"/>
      <c r="M183" s="284"/>
    </row>
    <row r="184" spans="1:13" s="94" customFormat="1" ht="9.9499999999999993" customHeight="1">
      <c r="A184" s="772"/>
      <c r="B184" s="772"/>
      <c r="C184" s="780"/>
      <c r="D184" s="782"/>
      <c r="E184" s="783"/>
      <c r="F184" s="793"/>
      <c r="G184" s="785"/>
      <c r="H184" s="786"/>
      <c r="I184" s="787"/>
      <c r="J184" s="286"/>
      <c r="K184" s="286"/>
      <c r="L184" s="544"/>
      <c r="M184" s="286"/>
    </row>
    <row r="185" spans="1:13" s="95" customFormat="1" ht="9.9499999999999993" customHeight="1">
      <c r="A185" s="790"/>
      <c r="B185" s="790"/>
      <c r="C185" s="777"/>
      <c r="D185" s="777"/>
      <c r="E185" s="778"/>
      <c r="F185" s="792"/>
      <c r="G185" s="794"/>
      <c r="H185" s="564"/>
      <c r="I185" s="762"/>
      <c r="J185" s="284"/>
      <c r="K185" s="284"/>
      <c r="L185" s="284"/>
      <c r="M185" s="284"/>
    </row>
    <row r="186" spans="1:13" s="95" customFormat="1" ht="9.9499999999999993" customHeight="1">
      <c r="A186" s="790"/>
      <c r="B186" s="790"/>
      <c r="C186" s="780"/>
      <c r="D186" s="777"/>
      <c r="E186" s="778"/>
      <c r="F186" s="793"/>
      <c r="G186" s="795"/>
      <c r="H186" s="564"/>
      <c r="I186" s="284"/>
      <c r="J186" s="284"/>
      <c r="K186" s="284"/>
      <c r="L186" s="284"/>
      <c r="M186" s="284"/>
    </row>
    <row r="187" spans="1:13" s="94" customFormat="1" ht="9.9499999999999993" customHeight="1">
      <c r="A187" s="772"/>
      <c r="B187" s="772"/>
      <c r="C187" s="780"/>
      <c r="D187" s="782"/>
      <c r="E187" s="783"/>
      <c r="F187" s="793"/>
      <c r="G187" s="795"/>
      <c r="H187" s="786"/>
      <c r="I187" s="787"/>
      <c r="J187" s="286"/>
      <c r="K187" s="286"/>
      <c r="L187" s="286"/>
      <c r="M187" s="286"/>
    </row>
    <row r="188" spans="1:13" s="95" customFormat="1" ht="9.9499999999999993" customHeight="1">
      <c r="A188" s="790"/>
      <c r="B188" s="790"/>
      <c r="C188" s="777"/>
      <c r="D188" s="777"/>
      <c r="E188" s="778"/>
      <c r="F188" s="792"/>
      <c r="G188" s="794"/>
      <c r="H188" s="564"/>
      <c r="I188" s="762"/>
      <c r="J188" s="284"/>
      <c r="K188" s="284"/>
      <c r="L188" s="284"/>
      <c r="M188" s="284"/>
    </row>
    <row r="189" spans="1:13" s="95" customFormat="1" ht="9.9499999999999993" customHeight="1">
      <c r="A189" s="790"/>
      <c r="B189" s="790"/>
      <c r="C189" s="780"/>
      <c r="D189" s="777"/>
      <c r="E189" s="778"/>
      <c r="F189" s="793"/>
      <c r="G189" s="795"/>
      <c r="H189" s="564"/>
      <c r="I189" s="284"/>
      <c r="J189" s="284"/>
      <c r="K189" s="284"/>
      <c r="L189" s="284"/>
      <c r="M189" s="284"/>
    </row>
    <row r="190" spans="1:13" s="94" customFormat="1" ht="9.9499999999999993" customHeight="1">
      <c r="A190" s="772"/>
      <c r="B190" s="790"/>
      <c r="C190" s="780"/>
      <c r="D190" s="782"/>
      <c r="E190" s="783"/>
      <c r="F190" s="793"/>
      <c r="G190" s="795"/>
      <c r="H190" s="786"/>
      <c r="I190" s="787"/>
      <c r="J190" s="286"/>
      <c r="K190" s="286"/>
      <c r="L190" s="286"/>
      <c r="M190" s="286"/>
    </row>
    <row r="191" spans="1:13" s="95" customFormat="1" ht="9.9499999999999993" customHeight="1">
      <c r="A191" s="796"/>
      <c r="B191" s="796"/>
      <c r="C191" s="756"/>
      <c r="D191" s="756"/>
      <c r="E191" s="778"/>
      <c r="F191" s="792"/>
      <c r="G191" s="794"/>
      <c r="H191" s="564"/>
      <c r="I191" s="762"/>
      <c r="J191" s="284"/>
      <c r="K191" s="284"/>
      <c r="L191" s="284"/>
      <c r="M191" s="284"/>
    </row>
    <row r="192" spans="1:13" s="95" customFormat="1" ht="9.9499999999999993" customHeight="1">
      <c r="A192" s="796"/>
      <c r="B192" s="796"/>
      <c r="C192" s="797"/>
      <c r="D192" s="798"/>
      <c r="E192" s="778"/>
      <c r="F192" s="793"/>
      <c r="G192" s="795"/>
      <c r="H192" s="564"/>
      <c r="I192" s="284"/>
      <c r="J192" s="284"/>
      <c r="K192" s="284"/>
      <c r="L192" s="284"/>
      <c r="M192" s="284"/>
    </row>
    <row r="193" spans="1:13" s="94" customFormat="1" ht="9.9499999999999993" customHeight="1">
      <c r="A193" s="799"/>
      <c r="B193" s="799"/>
      <c r="C193" s="800"/>
      <c r="D193" s="801"/>
      <c r="E193" s="783"/>
      <c r="F193" s="793"/>
      <c r="G193" s="795"/>
      <c r="H193" s="786"/>
      <c r="I193" s="787"/>
      <c r="J193" s="286"/>
      <c r="K193" s="286"/>
      <c r="L193" s="286"/>
      <c r="M193" s="286"/>
    </row>
    <row r="194" spans="1:13" s="95" customFormat="1" ht="9.9499999999999993" customHeight="1">
      <c r="A194" s="796"/>
      <c r="B194" s="796"/>
      <c r="C194" s="790"/>
      <c r="D194" s="772"/>
      <c r="E194" s="762"/>
      <c r="F194" s="694"/>
      <c r="G194" s="759"/>
      <c r="H194" s="802"/>
      <c r="I194" s="803"/>
      <c r="J194" s="284"/>
      <c r="K194" s="284"/>
      <c r="L194" s="284"/>
      <c r="M194" s="284"/>
    </row>
    <row r="195" spans="1:13" s="95" customFormat="1" ht="9.9499999999999993" customHeight="1">
      <c r="A195" s="796"/>
      <c r="B195" s="796"/>
      <c r="C195" s="790"/>
      <c r="D195" s="790"/>
      <c r="E195" s="762"/>
      <c r="F195" s="694"/>
      <c r="G195" s="759"/>
      <c r="H195" s="804"/>
      <c r="I195" s="805"/>
      <c r="J195" s="284"/>
      <c r="K195" s="284"/>
      <c r="L195" s="284"/>
      <c r="M195" s="284"/>
    </row>
    <row r="196" spans="1:13" s="94" customFormat="1" ht="9.9499999999999993" customHeight="1">
      <c r="A196" s="799"/>
      <c r="B196" s="799"/>
      <c r="C196" s="772"/>
      <c r="D196" s="772"/>
      <c r="E196" s="776"/>
      <c r="F196" s="791"/>
      <c r="G196" s="806"/>
      <c r="H196" s="807"/>
      <c r="I196" s="808"/>
      <c r="J196" s="286"/>
      <c r="K196" s="286"/>
      <c r="L196" s="286"/>
      <c r="M196" s="286"/>
    </row>
    <row r="197" spans="1:13" s="95" customFormat="1" ht="9.9499999999999993" customHeight="1">
      <c r="A197" s="796"/>
      <c r="B197" s="796"/>
      <c r="C197" s="796"/>
      <c r="D197" s="805"/>
      <c r="E197" s="805"/>
      <c r="F197" s="809"/>
      <c r="G197" s="810"/>
      <c r="H197" s="811"/>
      <c r="I197" s="812"/>
      <c r="J197" s="284"/>
      <c r="K197" s="284"/>
      <c r="L197" s="284"/>
      <c r="M197" s="284"/>
    </row>
    <row r="198" spans="1:13" s="95" customFormat="1" ht="9.9499999999999993" customHeight="1">
      <c r="A198" s="796"/>
      <c r="B198" s="796"/>
      <c r="C198" s="796"/>
      <c r="D198" s="805"/>
      <c r="E198" s="805"/>
      <c r="F198" s="809"/>
      <c r="G198" s="810"/>
      <c r="H198" s="813"/>
      <c r="I198" s="805"/>
      <c r="J198" s="284"/>
      <c r="K198" s="284"/>
      <c r="L198" s="284"/>
      <c r="M198" s="284"/>
    </row>
    <row r="199" spans="1:13" s="94" customFormat="1" ht="9.9499999999999993" customHeight="1">
      <c r="A199" s="799"/>
      <c r="B199" s="799"/>
      <c r="C199" s="796"/>
      <c r="D199" s="799"/>
      <c r="E199" s="814"/>
      <c r="F199" s="815"/>
      <c r="G199" s="816"/>
      <c r="H199" s="817"/>
      <c r="I199" s="808"/>
      <c r="J199" s="286"/>
      <c r="K199" s="286"/>
      <c r="L199" s="286"/>
      <c r="M199" s="286"/>
    </row>
    <row r="200" spans="1:13" s="95" customFormat="1" ht="9.9499999999999993" customHeight="1">
      <c r="A200" s="796"/>
      <c r="B200" s="796"/>
      <c r="C200" s="796"/>
      <c r="D200" s="796"/>
      <c r="E200" s="805"/>
      <c r="F200" s="809"/>
      <c r="G200" s="818"/>
      <c r="H200" s="818"/>
      <c r="I200" s="805"/>
      <c r="J200" s="284"/>
      <c r="K200" s="284"/>
      <c r="L200" s="284"/>
      <c r="M200" s="284"/>
    </row>
    <row r="201" spans="1:13" s="95" customFormat="1" ht="9.9499999999999993" customHeight="1">
      <c r="A201" s="796"/>
      <c r="B201" s="796"/>
      <c r="C201" s="796"/>
      <c r="D201" s="796"/>
      <c r="E201" s="805"/>
      <c r="F201" s="809"/>
      <c r="G201" s="818"/>
      <c r="H201" s="818"/>
      <c r="I201" s="805"/>
      <c r="J201" s="284"/>
      <c r="K201" s="284"/>
      <c r="L201" s="284"/>
      <c r="M201" s="284"/>
    </row>
    <row r="202" spans="1:13" s="94" customFormat="1" ht="9.9499999999999993" customHeight="1">
      <c r="A202" s="799"/>
      <c r="B202" s="799"/>
      <c r="C202" s="796"/>
      <c r="D202" s="799"/>
      <c r="E202" s="814"/>
      <c r="F202" s="819"/>
      <c r="G202" s="820"/>
      <c r="H202" s="821"/>
      <c r="I202" s="814"/>
      <c r="J202" s="286"/>
      <c r="K202" s="286"/>
      <c r="L202" s="286"/>
      <c r="M202" s="286"/>
    </row>
    <row r="203" spans="1:13" s="91" customFormat="1" ht="30" customHeight="1">
      <c r="A203" s="965"/>
      <c r="B203" s="965"/>
      <c r="C203" s="965"/>
      <c r="D203" s="965"/>
      <c r="E203" s="965"/>
      <c r="F203" s="965"/>
      <c r="G203" s="965"/>
      <c r="H203" s="965"/>
      <c r="I203" s="965"/>
      <c r="J203" s="822"/>
      <c r="K203" s="822"/>
      <c r="L203" s="822"/>
      <c r="M203" s="822"/>
    </row>
    <row r="204" spans="1:13" s="90" customFormat="1" ht="30" customHeight="1">
      <c r="A204" s="823"/>
      <c r="B204" s="823"/>
      <c r="C204" s="823"/>
      <c r="D204" s="823"/>
      <c r="E204" s="823"/>
      <c r="F204" s="823"/>
      <c r="G204" s="824"/>
      <c r="H204" s="825"/>
      <c r="I204" s="823"/>
      <c r="J204" s="826"/>
      <c r="K204" s="826"/>
      <c r="L204" s="826"/>
      <c r="M204" s="826"/>
    </row>
    <row r="205" spans="1:13" s="95" customFormat="1" ht="9.9499999999999993" customHeight="1">
      <c r="A205" s="454"/>
      <c r="B205" s="756"/>
      <c r="C205" s="757"/>
      <c r="D205" s="758"/>
      <c r="E205" s="759"/>
      <c r="F205" s="759"/>
      <c r="G205" s="760"/>
      <c r="H205" s="761"/>
      <c r="I205" s="762"/>
      <c r="J205" s="284"/>
      <c r="K205" s="284"/>
      <c r="L205" s="284"/>
      <c r="M205" s="284"/>
    </row>
    <row r="206" spans="1:13" s="95" customFormat="1" ht="9.9499999999999993" customHeight="1">
      <c r="A206" s="763"/>
      <c r="B206" s="756"/>
      <c r="C206" s="764"/>
      <c r="D206" s="758"/>
      <c r="E206" s="759"/>
      <c r="F206" s="759"/>
      <c r="G206" s="765"/>
      <c r="H206" s="766"/>
      <c r="I206" s="762"/>
      <c r="J206" s="284"/>
      <c r="K206" s="284"/>
      <c r="L206" s="284"/>
      <c r="M206" s="284"/>
    </row>
    <row r="207" spans="1:13" s="94" customFormat="1" ht="9.9499999999999993" customHeight="1">
      <c r="A207" s="457"/>
      <c r="B207" s="767"/>
      <c r="C207" s="764"/>
      <c r="D207" s="768"/>
      <c r="E207" s="769"/>
      <c r="F207" s="769"/>
      <c r="G207" s="770"/>
      <c r="H207" s="771"/>
      <c r="I207" s="772"/>
      <c r="J207" s="286"/>
      <c r="K207" s="286"/>
      <c r="L207" s="286"/>
      <c r="M207" s="286"/>
    </row>
    <row r="208" spans="1:13" s="95" customFormat="1" ht="9.9499999999999993" customHeight="1">
      <c r="A208" s="763"/>
      <c r="B208" s="774"/>
      <c r="C208" s="454"/>
      <c r="D208" s="454"/>
      <c r="E208" s="454"/>
      <c r="F208" s="454"/>
      <c r="G208" s="454"/>
      <c r="H208" s="454"/>
      <c r="I208" s="762"/>
      <c r="J208" s="284"/>
      <c r="K208" s="284"/>
      <c r="L208" s="284"/>
      <c r="M208" s="284"/>
    </row>
    <row r="209" spans="1:13" s="95" customFormat="1" ht="9.9499999999999993" customHeight="1">
      <c r="A209" s="763"/>
      <c r="B209" s="774"/>
      <c r="C209" s="454"/>
      <c r="D209" s="454"/>
      <c r="E209" s="454"/>
      <c r="F209" s="454"/>
      <c r="G209" s="454"/>
      <c r="H209" s="454"/>
      <c r="I209" s="762"/>
      <c r="J209" s="284"/>
      <c r="K209" s="284"/>
      <c r="L209" s="284"/>
      <c r="M209" s="284"/>
    </row>
    <row r="210" spans="1:13" s="94" customFormat="1" ht="9.9499999999999993" customHeight="1">
      <c r="A210" s="781"/>
      <c r="B210" s="775"/>
      <c r="C210" s="457"/>
      <c r="D210" s="457"/>
      <c r="E210" s="457"/>
      <c r="F210" s="457"/>
      <c r="G210" s="457"/>
      <c r="H210" s="457"/>
      <c r="I210" s="776"/>
      <c r="J210" s="286"/>
      <c r="K210" s="286"/>
      <c r="L210" s="286"/>
      <c r="M210" s="286"/>
    </row>
    <row r="211" spans="1:13" s="95" customFormat="1" ht="9.9499999999999993" customHeight="1">
      <c r="A211" s="763"/>
      <c r="B211" s="774"/>
      <c r="C211" s="756"/>
      <c r="D211" s="827"/>
      <c r="E211" s="828"/>
      <c r="F211" s="779"/>
      <c r="G211" s="564"/>
      <c r="H211" s="564"/>
      <c r="I211" s="762"/>
      <c r="J211" s="284"/>
      <c r="K211" s="284"/>
      <c r="L211" s="284"/>
      <c r="M211" s="284"/>
    </row>
    <row r="212" spans="1:13" s="95" customFormat="1" ht="9.9499999999999993" customHeight="1">
      <c r="A212" s="763"/>
      <c r="B212" s="774"/>
      <c r="C212" s="756"/>
      <c r="D212" s="827"/>
      <c r="E212" s="828"/>
      <c r="F212" s="779"/>
      <c r="G212" s="564"/>
      <c r="H212" s="564"/>
      <c r="I212" s="284"/>
      <c r="J212" s="284"/>
      <c r="K212" s="284"/>
      <c r="L212" s="284"/>
      <c r="M212" s="284"/>
    </row>
    <row r="213" spans="1:13" s="94" customFormat="1" ht="9.9499999999999993" customHeight="1">
      <c r="A213" s="781"/>
      <c r="B213" s="775"/>
      <c r="C213" s="767"/>
      <c r="D213" s="767"/>
      <c r="E213" s="829"/>
      <c r="F213" s="784"/>
      <c r="G213" s="785"/>
      <c r="H213" s="786"/>
      <c r="I213" s="787"/>
      <c r="J213" s="286"/>
      <c r="K213" s="286"/>
      <c r="L213" s="286"/>
      <c r="M213" s="286"/>
    </row>
    <row r="214" spans="1:13" s="95" customFormat="1" ht="9.9499999999999993" customHeight="1">
      <c r="A214" s="763"/>
      <c r="B214" s="756"/>
      <c r="C214" s="756"/>
      <c r="D214" s="827"/>
      <c r="E214" s="828"/>
      <c r="F214" s="779"/>
      <c r="G214" s="564"/>
      <c r="H214" s="564"/>
      <c r="I214" s="762"/>
      <c r="J214" s="284"/>
      <c r="K214" s="284"/>
      <c r="L214" s="284"/>
      <c r="M214" s="284"/>
    </row>
    <row r="215" spans="1:13" s="95" customFormat="1" ht="9.9499999999999993" customHeight="1">
      <c r="A215" s="763"/>
      <c r="B215" s="756"/>
      <c r="C215" s="756"/>
      <c r="D215" s="827"/>
      <c r="E215" s="828"/>
      <c r="F215" s="779"/>
      <c r="G215" s="564"/>
      <c r="H215" s="564"/>
      <c r="I215" s="284"/>
      <c r="J215" s="284"/>
      <c r="K215" s="284"/>
      <c r="L215" s="284"/>
      <c r="M215" s="284"/>
    </row>
    <row r="216" spans="1:13" s="94" customFormat="1" ht="9.9499999999999993" customHeight="1">
      <c r="A216" s="788"/>
      <c r="B216" s="756"/>
      <c r="C216" s="767"/>
      <c r="D216" s="767"/>
      <c r="E216" s="829"/>
      <c r="F216" s="784"/>
      <c r="G216" s="785"/>
      <c r="H216" s="786"/>
      <c r="I216" s="787"/>
      <c r="J216" s="286"/>
      <c r="K216" s="286"/>
      <c r="L216" s="286"/>
      <c r="M216" s="286"/>
    </row>
    <row r="217" spans="1:13" s="95" customFormat="1" ht="9.9499999999999993" customHeight="1">
      <c r="A217" s="763"/>
      <c r="B217" s="756"/>
      <c r="C217" s="756"/>
      <c r="D217" s="830"/>
      <c r="E217" s="828"/>
      <c r="F217" s="779"/>
      <c r="G217" s="789"/>
      <c r="H217" s="564"/>
      <c r="I217" s="762"/>
      <c r="J217" s="284"/>
      <c r="K217" s="284"/>
      <c r="L217" s="284"/>
      <c r="M217" s="284"/>
    </row>
    <row r="218" spans="1:13" s="95" customFormat="1" ht="9.9499999999999993" customHeight="1">
      <c r="A218" s="763"/>
      <c r="B218" s="756"/>
      <c r="C218" s="756"/>
      <c r="D218" s="831"/>
      <c r="E218" s="828"/>
      <c r="F218" s="779"/>
      <c r="G218" s="789"/>
      <c r="H218" s="564"/>
      <c r="I218" s="284"/>
      <c r="J218" s="284"/>
      <c r="K218" s="284"/>
      <c r="L218" s="284"/>
      <c r="M218" s="284"/>
    </row>
    <row r="219" spans="1:13" s="94" customFormat="1" ht="9.9499999999999993" customHeight="1">
      <c r="A219" s="781"/>
      <c r="B219" s="756"/>
      <c r="C219" s="832"/>
      <c r="D219" s="833"/>
      <c r="E219" s="829"/>
      <c r="F219" s="784"/>
      <c r="G219" s="785"/>
      <c r="H219" s="786"/>
      <c r="I219" s="787"/>
      <c r="J219" s="286"/>
      <c r="K219" s="286"/>
      <c r="L219" s="286"/>
      <c r="M219" s="286"/>
    </row>
    <row r="220" spans="1:13" s="95" customFormat="1" ht="9.9499999999999993" customHeight="1">
      <c r="A220" s="763"/>
      <c r="B220" s="790"/>
      <c r="C220" s="790"/>
      <c r="D220" s="772"/>
      <c r="E220" s="762"/>
      <c r="F220" s="694"/>
      <c r="G220" s="759"/>
      <c r="H220" s="802"/>
      <c r="I220" s="762"/>
      <c r="J220" s="284"/>
      <c r="K220" s="284"/>
      <c r="L220" s="284"/>
      <c r="M220" s="284"/>
    </row>
    <row r="221" spans="1:13" s="95" customFormat="1" ht="9.9499999999999993" customHeight="1">
      <c r="A221" s="763"/>
      <c r="B221" s="790"/>
      <c r="C221" s="790"/>
      <c r="D221" s="790"/>
      <c r="E221" s="762"/>
      <c r="F221" s="694"/>
      <c r="G221" s="759"/>
      <c r="H221" s="804"/>
      <c r="I221" s="284"/>
      <c r="J221" s="284"/>
      <c r="K221" s="284"/>
      <c r="L221" s="284"/>
      <c r="M221" s="284"/>
    </row>
    <row r="222" spans="1:13" s="94" customFormat="1" ht="9.9499999999999993" customHeight="1">
      <c r="A222" s="781"/>
      <c r="B222" s="772"/>
      <c r="C222" s="772"/>
      <c r="D222" s="772"/>
      <c r="E222" s="776"/>
      <c r="F222" s="791"/>
      <c r="G222" s="806"/>
      <c r="H222" s="807"/>
      <c r="I222" s="787"/>
      <c r="J222" s="286"/>
      <c r="K222" s="286"/>
      <c r="L222" s="286"/>
      <c r="M222" s="286"/>
    </row>
    <row r="223" spans="1:13" s="95" customFormat="1" ht="9.9499999999999993" customHeight="1">
      <c r="A223" s="454"/>
      <c r="B223" s="756"/>
      <c r="C223" s="756"/>
      <c r="D223" s="830"/>
      <c r="E223" s="828"/>
      <c r="F223" s="840"/>
      <c r="G223" s="785"/>
      <c r="H223" s="564"/>
      <c r="I223" s="834"/>
      <c r="J223" s="284"/>
      <c r="K223" s="284"/>
      <c r="L223" s="284"/>
      <c r="M223" s="284"/>
    </row>
    <row r="224" spans="1:13" s="95" customFormat="1" ht="9.9499999999999993" customHeight="1">
      <c r="A224" s="763"/>
      <c r="B224" s="756"/>
      <c r="C224" s="756"/>
      <c r="D224" s="831"/>
      <c r="E224" s="828"/>
      <c r="F224" s="779"/>
      <c r="G224" s="785"/>
      <c r="H224" s="841"/>
      <c r="I224" s="797"/>
      <c r="J224" s="284"/>
      <c r="K224" s="284"/>
      <c r="L224" s="284"/>
      <c r="M224" s="284"/>
    </row>
    <row r="225" spans="1:13" s="94" customFormat="1" ht="9.9499999999999993" customHeight="1">
      <c r="A225" s="457"/>
      <c r="B225" s="767"/>
      <c r="C225" s="767"/>
      <c r="D225" s="767"/>
      <c r="E225" s="829"/>
      <c r="F225" s="785"/>
      <c r="G225" s="785"/>
      <c r="H225" s="786"/>
      <c r="I225" s="834"/>
      <c r="J225" s="286"/>
      <c r="K225" s="286"/>
      <c r="L225" s="286"/>
      <c r="M225" s="286"/>
    </row>
    <row r="226" spans="1:13" s="95" customFormat="1" ht="9.9499999999999993" customHeight="1">
      <c r="A226" s="773"/>
      <c r="B226" s="773"/>
      <c r="C226" s="757"/>
      <c r="D226" s="758"/>
      <c r="E226" s="758"/>
      <c r="F226" s="835"/>
      <c r="G226" s="766"/>
      <c r="H226" s="766"/>
      <c r="I226" s="834"/>
      <c r="J226" s="284"/>
      <c r="K226" s="284"/>
      <c r="L226" s="284"/>
      <c r="M226" s="284"/>
    </row>
    <row r="227" spans="1:13" s="95" customFormat="1" ht="9.9499999999999993" customHeight="1">
      <c r="A227" s="773"/>
      <c r="B227" s="773"/>
      <c r="C227" s="764"/>
      <c r="D227" s="758"/>
      <c r="E227" s="758"/>
      <c r="F227" s="835"/>
      <c r="G227" s="761"/>
      <c r="H227" s="761"/>
      <c r="I227" s="797"/>
      <c r="J227" s="284"/>
      <c r="K227" s="284"/>
      <c r="L227" s="284"/>
      <c r="M227" s="284"/>
    </row>
    <row r="228" spans="1:13" s="94" customFormat="1" ht="9.9499999999999993" customHeight="1">
      <c r="A228" s="773"/>
      <c r="B228" s="836"/>
      <c r="C228" s="837"/>
      <c r="D228" s="768"/>
      <c r="E228" s="768"/>
      <c r="F228" s="835"/>
      <c r="G228" s="786"/>
      <c r="H228" s="786"/>
      <c r="I228" s="834"/>
      <c r="J228" s="286"/>
      <c r="K228" s="286"/>
      <c r="L228" s="286"/>
      <c r="M228" s="286"/>
    </row>
    <row r="229" spans="1:13" s="95" customFormat="1" ht="9.9499999999999993" customHeight="1">
      <c r="A229" s="454"/>
      <c r="B229" s="756"/>
      <c r="C229" s="774"/>
      <c r="D229" s="828"/>
      <c r="E229" s="828"/>
      <c r="F229" s="835"/>
      <c r="G229" s="766"/>
      <c r="H229" s="766"/>
      <c r="I229" s="834"/>
      <c r="J229" s="284"/>
      <c r="K229" s="284"/>
      <c r="L229" s="284"/>
      <c r="M229" s="284"/>
    </row>
    <row r="230" spans="1:13" s="95" customFormat="1" ht="9.9499999999999993" customHeight="1">
      <c r="A230" s="763"/>
      <c r="B230" s="756"/>
      <c r="C230" s="774"/>
      <c r="D230" s="828"/>
      <c r="E230" s="828"/>
      <c r="F230" s="835"/>
      <c r="G230" s="761"/>
      <c r="H230" s="761"/>
      <c r="I230" s="797"/>
      <c r="J230" s="284"/>
      <c r="K230" s="284"/>
      <c r="L230" s="284"/>
      <c r="M230" s="284"/>
    </row>
    <row r="231" spans="1:13" s="94" customFormat="1" ht="9.9499999999999993" customHeight="1">
      <c r="A231" s="457"/>
      <c r="B231" s="772"/>
      <c r="C231" s="838"/>
      <c r="D231" s="838"/>
      <c r="E231" s="776"/>
      <c r="F231" s="835"/>
      <c r="G231" s="839"/>
      <c r="H231" s="839"/>
      <c r="I231" s="834"/>
      <c r="J231" s="286"/>
      <c r="K231" s="286"/>
      <c r="L231" s="286"/>
      <c r="M231" s="286"/>
    </row>
    <row r="232" spans="1:13" s="95" customFormat="1" ht="9.9499999999999993" customHeight="1">
      <c r="A232" s="763"/>
      <c r="B232" s="790"/>
      <c r="C232" s="790"/>
      <c r="D232" s="772"/>
      <c r="E232" s="762"/>
      <c r="F232" s="835"/>
      <c r="G232" s="766"/>
      <c r="H232" s="564"/>
      <c r="I232" s="834"/>
      <c r="J232" s="284"/>
      <c r="K232" s="284"/>
      <c r="L232" s="784"/>
      <c r="M232" s="284"/>
    </row>
    <row r="233" spans="1:13" s="95" customFormat="1" ht="9.9499999999999993" customHeight="1">
      <c r="A233" s="763"/>
      <c r="B233" s="790"/>
      <c r="C233" s="790"/>
      <c r="D233" s="790"/>
      <c r="E233" s="762"/>
      <c r="F233" s="835"/>
      <c r="G233" s="761"/>
      <c r="H233" s="841"/>
      <c r="I233" s="797"/>
      <c r="J233" s="284"/>
      <c r="K233" s="284"/>
      <c r="L233" s="284"/>
      <c r="M233" s="284"/>
    </row>
    <row r="234" spans="1:13" s="94" customFormat="1" ht="9.9499999999999993" customHeight="1">
      <c r="A234" s="781"/>
      <c r="B234" s="772"/>
      <c r="C234" s="772"/>
      <c r="D234" s="772"/>
      <c r="E234" s="776"/>
      <c r="F234" s="848"/>
      <c r="G234" s="562"/>
      <c r="H234" s="770"/>
      <c r="I234" s="834"/>
      <c r="J234" s="286"/>
      <c r="K234" s="286"/>
      <c r="L234" s="286"/>
      <c r="M234" s="286"/>
    </row>
    <row r="235" spans="1:13" s="95" customFormat="1" ht="9.9499999999999993" customHeight="1">
      <c r="A235" s="454"/>
      <c r="B235" s="756"/>
      <c r="C235" s="756"/>
      <c r="D235" s="830"/>
      <c r="E235" s="828"/>
      <c r="F235" s="835"/>
      <c r="G235" s="785"/>
      <c r="H235" s="564"/>
      <c r="I235" s="846"/>
      <c r="J235" s="284"/>
      <c r="K235" s="284"/>
      <c r="L235" s="284"/>
      <c r="M235" s="284"/>
    </row>
    <row r="236" spans="1:13" s="95" customFormat="1" ht="9.9499999999999993" customHeight="1">
      <c r="A236" s="763"/>
      <c r="B236" s="756"/>
      <c r="C236" s="756"/>
      <c r="D236" s="831"/>
      <c r="E236" s="828"/>
      <c r="F236" s="835"/>
      <c r="G236" s="785"/>
      <c r="H236" s="841"/>
      <c r="I236" s="847"/>
      <c r="J236" s="284"/>
      <c r="K236" s="284"/>
      <c r="L236" s="284"/>
      <c r="M236" s="284"/>
    </row>
    <row r="237" spans="1:13" s="94" customFormat="1" ht="9.9499999999999993" customHeight="1">
      <c r="A237" s="457"/>
      <c r="B237" s="767"/>
      <c r="C237" s="767"/>
      <c r="D237" s="767"/>
      <c r="E237" s="829"/>
      <c r="F237" s="848"/>
      <c r="G237" s="844"/>
      <c r="H237" s="770"/>
      <c r="I237" s="845"/>
      <c r="J237" s="286"/>
      <c r="K237" s="286"/>
      <c r="L237" s="286"/>
      <c r="M237" s="286"/>
    </row>
    <row r="238" spans="1:13" s="95" customFormat="1" ht="9.9499999999999993" customHeight="1">
      <c r="A238" s="773"/>
      <c r="B238" s="773"/>
      <c r="C238" s="756"/>
      <c r="D238" s="830"/>
      <c r="E238" s="828"/>
      <c r="F238" s="840"/>
      <c r="G238" s="785"/>
      <c r="H238" s="564"/>
      <c r="I238" s="803"/>
      <c r="J238" s="284"/>
      <c r="K238" s="284"/>
      <c r="L238" s="284"/>
      <c r="M238" s="284"/>
    </row>
    <row r="239" spans="1:13" s="95" customFormat="1" ht="9.9499999999999993" customHeight="1">
      <c r="A239" s="773"/>
      <c r="B239" s="773"/>
      <c r="C239" s="756"/>
      <c r="D239" s="831"/>
      <c r="E239" s="828"/>
      <c r="F239" s="779"/>
      <c r="G239" s="785"/>
      <c r="H239" s="841"/>
      <c r="I239" s="842"/>
      <c r="J239" s="284"/>
      <c r="K239" s="284"/>
      <c r="L239" s="284"/>
      <c r="M239" s="284"/>
    </row>
    <row r="240" spans="1:13" s="94" customFormat="1" ht="9.9499999999999993" customHeight="1">
      <c r="A240" s="773"/>
      <c r="B240" s="836"/>
      <c r="C240" s="767"/>
      <c r="D240" s="767"/>
      <c r="E240" s="829"/>
      <c r="F240" s="843"/>
      <c r="G240" s="844"/>
      <c r="H240" s="770"/>
      <c r="I240" s="845"/>
      <c r="J240" s="286"/>
      <c r="K240" s="286"/>
      <c r="L240" s="286"/>
      <c r="M240" s="286"/>
    </row>
    <row r="241" spans="1:13" s="95" customFormat="1" ht="9.75" customHeight="1">
      <c r="A241" s="763"/>
      <c r="B241" s="790"/>
      <c r="C241" s="790"/>
      <c r="D241" s="772"/>
      <c r="E241" s="762"/>
      <c r="F241" s="694"/>
      <c r="G241" s="759"/>
      <c r="H241" s="802"/>
      <c r="I241" s="803"/>
      <c r="J241" s="284"/>
      <c r="K241" s="284"/>
      <c r="L241" s="284"/>
      <c r="M241" s="284"/>
    </row>
    <row r="242" spans="1:13" s="95" customFormat="1" ht="9.75" customHeight="1">
      <c r="A242" s="763"/>
      <c r="B242" s="790"/>
      <c r="C242" s="790"/>
      <c r="D242" s="790"/>
      <c r="E242" s="762"/>
      <c r="F242" s="694"/>
      <c r="G242" s="759"/>
      <c r="H242" s="804"/>
      <c r="I242" s="842"/>
      <c r="J242" s="284"/>
      <c r="K242" s="284"/>
      <c r="L242" s="284"/>
      <c r="M242" s="284"/>
    </row>
    <row r="243" spans="1:13" s="94" customFormat="1" ht="9.9499999999999993" customHeight="1">
      <c r="A243" s="788"/>
      <c r="B243" s="772"/>
      <c r="C243" s="772"/>
      <c r="D243" s="772"/>
      <c r="E243" s="776"/>
      <c r="F243" s="791"/>
      <c r="G243" s="806"/>
      <c r="H243" s="807"/>
      <c r="I243" s="845"/>
      <c r="J243" s="286"/>
      <c r="K243" s="286"/>
      <c r="L243" s="286"/>
      <c r="M243" s="286"/>
    </row>
    <row r="244" spans="1:13">
      <c r="A244" s="851"/>
      <c r="B244" s="851"/>
      <c r="C244" s="851"/>
      <c r="D244" s="851"/>
      <c r="E244" s="851"/>
      <c r="F244" s="851"/>
      <c r="G244" s="851"/>
      <c r="H244" s="851"/>
      <c r="I244" s="851"/>
      <c r="J244" s="851"/>
      <c r="K244" s="851"/>
      <c r="L244" s="851"/>
      <c r="M244" s="851"/>
    </row>
    <row r="245" spans="1:13">
      <c r="A245" s="851"/>
      <c r="B245" s="851"/>
      <c r="C245" s="851"/>
      <c r="D245" s="851"/>
      <c r="E245" s="851"/>
      <c r="F245" s="851"/>
      <c r="G245" s="851"/>
      <c r="H245" s="851"/>
      <c r="I245" s="851"/>
      <c r="J245" s="851"/>
      <c r="K245" s="851"/>
      <c r="L245" s="851"/>
      <c r="M245" s="851"/>
    </row>
    <row r="246" spans="1:13">
      <c r="A246" s="851"/>
      <c r="B246" s="851"/>
      <c r="C246" s="851"/>
      <c r="D246" s="851"/>
      <c r="E246" s="851"/>
      <c r="F246" s="851"/>
      <c r="G246" s="851"/>
      <c r="H246" s="851"/>
      <c r="I246" s="851"/>
      <c r="J246" s="851"/>
      <c r="K246" s="851"/>
      <c r="L246" s="851"/>
      <c r="M246" s="851"/>
    </row>
  </sheetData>
  <mergeCells count="3">
    <mergeCell ref="A41:I41"/>
    <mergeCell ref="A122:I122"/>
    <mergeCell ref="A203:I203"/>
  </mergeCells>
  <phoneticPr fontId="57"/>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9</vt:i4>
      </vt:variant>
    </vt:vector>
  </HeadingPairs>
  <TitlesOfParts>
    <vt:vector size="19" baseType="lpstr">
      <vt:lpstr>設計書表紙</vt:lpstr>
      <vt:lpstr>工事費内訳書</vt:lpstr>
      <vt:lpstr>内訳書</vt:lpstr>
      <vt:lpstr>A号 水沢明細書</vt:lpstr>
      <vt:lpstr>B号 水沢谷町明細書</vt:lpstr>
      <vt:lpstr>C号 高岡明細書</vt:lpstr>
      <vt:lpstr>D号 笹川団地明細書</vt:lpstr>
      <vt:lpstr>E号 羽津山明細書</vt:lpstr>
      <vt:lpstr>F号 水源管理センター明細書</vt:lpstr>
      <vt:lpstr>施工条件明示一覧表</vt:lpstr>
      <vt:lpstr>'A号 水沢明細書'!Print_Area</vt:lpstr>
      <vt:lpstr>'B号 水沢谷町明細書'!Print_Area</vt:lpstr>
      <vt:lpstr>'C号 高岡明細書'!Print_Area</vt:lpstr>
      <vt:lpstr>'D号 笹川団地明細書'!Print_Area</vt:lpstr>
      <vt:lpstr>'E号 羽津山明細書'!Print_Area</vt:lpstr>
      <vt:lpstr>'F号 水源管理センター明細書'!Print_Area</vt:lpstr>
      <vt:lpstr>工事費内訳書!Print_Area</vt:lpstr>
      <vt:lpstr>設計書表紙!Print_Area</vt:lpstr>
      <vt:lpstr>内訳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9-23T04:20:54Z</cp:lastPrinted>
  <dcterms:created xsi:type="dcterms:W3CDTF">2014-03-20T05:03:09Z</dcterms:created>
  <dcterms:modified xsi:type="dcterms:W3CDTF">2020-09-24T07:41:47Z</dcterms:modified>
</cp:coreProperties>
</file>